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ink/ink3.xml" ContentType="application/inkml+xml"/>
  <Override PartName="/ppt/ink/ink4.xml" ContentType="application/inkml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ink/ink5.xml" ContentType="application/inkml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ink/ink6.xml" ContentType="application/inkml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00" r:id="rId4"/>
    <p:sldMasterId id="2147483648" r:id="rId5"/>
  </p:sldMasterIdLst>
  <p:notesMasterIdLst>
    <p:notesMasterId r:id="rId21"/>
  </p:notesMasterIdLst>
  <p:sldIdLst>
    <p:sldId id="256" r:id="rId6"/>
    <p:sldId id="265" r:id="rId7"/>
    <p:sldId id="267" r:id="rId8"/>
    <p:sldId id="268" r:id="rId9"/>
    <p:sldId id="269" r:id="rId10"/>
    <p:sldId id="270" r:id="rId11"/>
    <p:sldId id="271" r:id="rId12"/>
    <p:sldId id="272" r:id="rId13"/>
    <p:sldId id="274" r:id="rId14"/>
    <p:sldId id="266" r:id="rId15"/>
    <p:sldId id="275" r:id="rId16"/>
    <p:sldId id="276" r:id="rId17"/>
    <p:sldId id="277" r:id="rId18"/>
    <p:sldId id="263" r:id="rId19"/>
    <p:sldId id="346" r:id="rId20"/>
  </p:sldIdLst>
  <p:sldSz cx="12192000" cy="6858000"/>
  <p:notesSz cx="6858000" cy="9144000"/>
  <p:custDataLst>
    <p:tags r:id="rId2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15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E4194"/>
    <a:srgbClr val="B42F2D"/>
    <a:srgbClr val="4663A7"/>
    <a:srgbClr val="FFFFFF"/>
    <a:srgbClr val="B1A3CF"/>
    <a:srgbClr val="7961AA"/>
    <a:srgbClr val="90CE9C"/>
    <a:srgbClr val="95BFE5"/>
    <a:srgbClr val="0091D0"/>
    <a:srgbClr val="00AB4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22CE8BCC-3143-46C7-B60F-E334851FE575}" v="7" dt="2025-10-22T03:50:32.688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726" autoAdjust="0"/>
    <p:restoredTop sz="94660"/>
  </p:normalViewPr>
  <p:slideViewPr>
    <p:cSldViewPr snapToGrid="0">
      <p:cViewPr varScale="1">
        <p:scale>
          <a:sx n="59" d="100"/>
          <a:sy n="59" d="100"/>
        </p:scale>
        <p:origin x="308" y="268"/>
      </p:cViewPr>
      <p:guideLst>
        <p:guide orient="horz" pos="2115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3.xml"/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tableStyles" Target="tableStyles.xml"/><Relationship Id="rId3" Type="http://schemas.openxmlformats.org/officeDocument/2006/relationships/customXml" Target="../customXml/item3.xml"/><Relationship Id="rId21" Type="http://schemas.openxmlformats.org/officeDocument/2006/relationships/notesMaster" Target="notesMasters/notesMaster1.xml"/><Relationship Id="rId7" Type="http://schemas.openxmlformats.org/officeDocument/2006/relationships/slide" Target="slides/slide2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theme" Target="theme/theme1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0" Type="http://schemas.openxmlformats.org/officeDocument/2006/relationships/slide" Target="slides/slide15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openxmlformats.org/officeDocument/2006/relationships/viewProps" Target="viewProps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openxmlformats.org/officeDocument/2006/relationships/presProps" Target="presProps.xml"/><Relationship Id="rId28" Type="http://schemas.microsoft.com/office/2018/10/relationships/authors" Target="authors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tags" Target="tags/tag1.xml"/><Relationship Id="rId27" Type="http://schemas.microsoft.com/office/2015/10/relationships/revisionInfo" Target="revisionInfo.xml"/></Relationships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2-27T07:12:23.533"/>
    </inkml:context>
    <inkml:brush xml:id="br0">
      <inkml:brushProperty name="width" value="0.035" units="cm"/>
      <inkml:brushProperty name="height" value="0.035" units="cm"/>
      <inkml:brushProperty name="color" value="#E71224"/>
    </inkml:brush>
  </inkml:definitions>
  <inkml:trace contextRef="#ctx0" brushRef="#br0">1536 72 24575,'-726'0'0,"702"0"0,0 1 0,0 1 0,1 1 0,-1 1 0,1 1 0,0 1 0,0 1 0,1 1 0,0 1 0,0 1 0,-29 18 0,43-22 0,-1 2 0,1-1 0,1 1 0,-1 1 0,1-1 0,1 1 0,-9 14 0,-17 23 0,11-20 0,1 1 0,1 0 0,2 1 0,1 1 0,1 1 0,2 0 0,1 1 0,-13 51 0,9-26 0,7-26 0,0 1 0,3 0 0,-5 43 0,9 275 0,4-171 0,-1-158 0,-2-1 0,0 1 0,-1 0 0,-1-1 0,-1 0 0,-1 1 0,-1-2 0,0 1 0,-1-1 0,-1 0 0,-18 29 0,13-26 0,0 1 0,1 0 0,1 1 0,1 1 0,1-1 0,2 2 0,-9 41 0,-15 228 0,26 4 0,5-236 0,2 1 0,3-1 0,14 65 0,2-2 0,-18-90 0,3 0 0,1-1 0,1 0 0,2 0 0,17 40 0,-5-29 0,1-2 0,2 0 0,35 44 0,24 22 0,51 60 0,-104-133 0,35 52 0,-53-71 0,0-1 0,2 0 0,0-1 0,1-1 0,0 0 0,1-1 0,0-1 0,1-1 0,1 0 0,21 8 0,12 3 0,2-1 0,84 19 0,-91-29 0,31 8 0,97 37 0,-106-32 0,118 26 0,2-1 0,-135-34 0,0-2 0,2-2 0,76 5 0,-108-14 0,276 30 0,-194-15 0,99 18 0,-137-22 0,129 6 0,72-19 0,-243-1 0,1-1 0,-1-1 0,1-1 0,-1-2 0,-1-1 0,1 0 0,-1-2 0,0-1 0,43-25 0,-19 7 0,-2-2 0,-1-2 0,-1-2 0,-2-2 0,-2-2 0,50-58 0,-82 85 0,0-1 0,-1 0 0,0-1 0,-1 0 0,0 0 0,-1-1 0,6-18 0,-7 9 0,0 0 0,-1-1 0,1-44 0,-2 35 0,2-1 0,0 0 0,2 1 0,2 0 0,1 1 0,22-49 0,9-4 0,58-86 0,8 9 0,-28 46 0,-74 107 0,8-12 0,1-1 0,1 2 0,1 0 0,1 1 0,26-24 0,9-8 0,-42 41 0,-1 0 0,1 0 0,1 1 0,0 0 0,0 1 0,20-11 0,-11 9 0,-1 0 0,0-1 0,32-24 0,45-43 0,103-93 0,-183 155 0,-1 2 0,-1 0 0,0-1 0,-1-1 0,-1 0 0,14-25 0,-5 7 0,1 0 0,51-60 0,-10 16 0,31-70 0,-5 7 0,-61 98 0,22-45 0,-15 27 0,-7 6 0,-15 30 0,18-27 0,89-121 0,-114 163 0,0 0 0,0 0 0,-1 0 0,-1-1 0,0 0 0,0 0 0,-1 0 0,2-15 0,8-93 0,-11-82 0,-3 119 0,0 75 0,1 0 0,-1 1 0,0-1 0,0 0 0,-1 1 0,0-1 0,0 1 0,-1 0 0,0 0 0,-5-9 0,2 5 0,-1 1 0,0 0 0,-1 0 0,1 1 0,-16-12 0,-1 2 0,0 1 0,-2 2 0,-51-24 0,10 11 0,38 17 0,0-1 0,-37-23 0,-1-10 0,42 27 0,-1 1 0,0 1 0,-57-25 0,10 11 0,46 17 0,0 2 0,-1 1 0,-30-6 0,-271-32 0,-5 24 0,197 15 0,-432 1 0,346 10 0,-1574-2 0,1791-1 0,0 1 0,0 0 0,0 1 0,0-1 0,0 1 0,0 1 0,0-1 0,0 1 0,0 0 0,1 0 0,-1 0 0,1 1 0,-1 0 0,1 0 0,0 0 0,0 1 0,-8 7 0,-12 14-1365,-1 1-5461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2-27T07:13:48.754"/>
    </inkml:context>
    <inkml:brush xml:id="br0">
      <inkml:brushProperty name="width" value="0.035" units="cm"/>
      <inkml:brushProperty name="height" value="0.035" units="cm"/>
      <inkml:brushProperty name="color" value="#E71224"/>
    </inkml:brush>
  </inkml:definitions>
  <inkml:trace contextRef="#ctx0" brushRef="#br0">2117 409 24575,'-4'1'0,"-1"1"0,1-1 0,-1 1 0,1 0 0,-8 4 0,6-3 0,-74 42 0,-45 20 0,84-46 0,-51 31 0,85-44 0,-1 0 0,1 0 0,0 0 0,0 1 0,1 0 0,-1 0 0,2 1 0,-8 12 0,-2 7 0,-14 37 0,9-17 0,4-6 0,1 1 0,-14 67 0,-1 3 0,23-94 0,-1 0 0,-1-1 0,0 1 0,-1-2 0,-1 1 0,-23 25 0,27-34 0,-1 0 0,0-1 0,-1 0 0,1 0 0,-1-1 0,-13 7 0,-63 26 0,26-14 0,-38 13 0,-1 1 0,-69 56 0,134-78 0,-1 0 0,-47 15 0,1-1 0,-78 33 0,88-40 0,34-13 0,-64 31 0,71-27 0,0-1 0,-34 25 0,54-33 0,0 1 0,0 0 0,1 1 0,1 0 0,-1 0 0,1 1 0,-10 15 0,8-7 0,-1 1 0,2 1 0,0-1 0,2 2 0,0-1 0,1 0 0,0 1 0,2 0 0,1 0 0,-1 23 0,2 228 0,2-135 0,1-115 0,0 0 0,2 0 0,0-1 0,1 1 0,8 19 0,8 32 0,-11-36 0,1 0 0,2 0 0,2-1 0,1-1 0,26 40 0,3-5 0,72 84 0,-102-134 0,2 0 0,0-2 0,0 0 0,2-1 0,0 0 0,1-2 0,0 0 0,1-1 0,24 9 0,-43-20 0,13 5 0,-1-1 0,1 0 0,0-1 0,0 0 0,0-1 0,1-1 0,25 2 0,23-1 0,68 14 0,1 0 0,473-5 0,-383-15 0,-140 3 0,9 0 0,150-17 0,-230 14 0,20-1 0,0-3 0,-1 0 0,0-2 0,0-1 0,31-15 0,-48 18 0,1 0 0,-1 1 0,1 0 0,0 1 0,0 1 0,17-1 0,91 1 0,-116 4 0,210 0 0,-203 0 0,-1 1 0,1 1 0,-1 0 0,0 1 0,0 0 0,14 7 0,-7-4 0,-8-2 0,-1 1 0,0 0 0,-1 0 0,0 1 0,12 10 0,3 2 0,12 0 0,-32-17 0,-1 0 0,1 0 0,-1 0 0,0 0 0,1 1 0,-1-1 0,0 1 0,-1 0 0,1 0 0,6 8 0,-2 0 0,0 0 0,1 0 0,1-1 0,0 0 0,0 0 0,1-1 0,17 11 0,28 17 0,-39-24 0,1-1 0,1-1 0,-1 0 0,22 7 0,10 3 0,-34-14 0,-1-1 0,1 0 0,1-1 0,-1-1 0,23 4 0,-28-7 0,0 1 0,0-2 0,0 0 0,1 0 0,-1-1 0,0 0 0,-1-1 0,1 0 0,0-1 0,0 0 0,-1-1 0,0 0 0,18-10 0,-16 7 0,1 1 0,0 1 0,1 0 0,-1 0 0,1 2 0,0-1 0,-1 2 0,16-2 0,18 2 0,52 3 0,-28 1 0,524-2 0,-560-1 0,1-1 0,-1-2 0,0-2 0,-1-1 0,64-22 0,-86 24 0,0-1 0,-1-1 0,1 1 0,-2-2 0,1 0 0,-1 0 0,0-1 0,-1 0 0,0 0 0,10-14 0,4-8 0,-2 0 0,21-42 0,-19 27 0,-6 12 0,1 1 0,36-49 0,-47 73 0,1 1 0,-1-1 0,1 1 0,1 1 0,-1 0 0,1 0 0,1 1 0,-1 0 0,1 0 0,0 1 0,0 0 0,1 1 0,13-4 0,87-26 0,-83 24 0,1 0 0,1 2 0,0 1 0,0 1 0,0 2 0,34 0 0,474 6 0,-362-2 0,-162-1 0,0-2 0,-1 1 0,1-2 0,0 1 0,-1-2 0,0 0 0,0-1 0,16-9 0,16-6 0,58-29 0,-66 30 0,76-28 0,-98 43 0,-1-1 0,1 0 0,-1 0 0,-1-2 0,1 1 0,-1-2 0,-1 0 0,0 0 0,0-1 0,-1-1 0,15-17 0,10-5 0,-28 27 0,-1 0 0,0-1 0,0 0 0,-1 0 0,8-10 0,22-46 0,-2-1 0,38-101 0,-64 143 0,54-146 0,-54 141 0,-1-1 0,-1-1 0,-1 1 0,0-34 0,-7-214 0,0 259 0,-1 0 0,0 1 0,-1-1 0,-1 0 0,-1 1 0,0 0 0,-1 1 0,-13-23 0,-12-13 0,-39-47 0,70 97 0,-17-22 0,-28-25 0,-16-19 0,35 33 0,-39-39 0,55 62 0,-1 1 0,0 0 0,0 1 0,-1 0 0,-1 1 0,-27-13 0,6 10 0,-1 0 0,-60-8 0,-16-4 0,93 16 0,1 0 0,-28-15 0,-6-2 0,-203-80 0,233 94 0,1-2 0,0-1 0,1-1 0,-30-25 0,-66-72 0,104 99 0,-10-12 0,2 0 0,1-1 0,0-1 0,-14-29 0,-51-114 0,82 164 0,-5-9 0,1 0 0,1-1 0,0 0 0,0-1 0,-2-21 0,2 14 0,0 0 0,-14-37 0,4 15 0,10 23 0,4 17 0,0 0 0,-1 0 0,0 0 0,1 0 0,-6-8 0,6 11 0,0 0 0,-1 0 0,1 0 0,-1 1 0,0-1 0,0 1 0,1-1 0,-1 1 0,0 0 0,0-1 0,0 1 0,0 0 0,-1 1 0,1-1 0,0 0 0,-5 0 0,-22-4 0,0 2 0,0 2 0,0 0 0,-29 4 0,-2-1 0,5 0 0,-10 0 0,0-3 0,-104-14 0,95 4 0,-108-2 0,-78 14 0,97 1 0,-690-2 0,822 1 0,0 1 0,1 2 0,-1 0 0,1 3 0,-51 16 0,54-14 0,-23 7 0,2 2 0,-47 25 0,71-32 0,0 0 0,0-2 0,-1 0 0,-37 7 0,54-14 0,-15 3 0,1 0 0,-1 2 0,1 0 0,-42 21 0,34-11 0,3 0 0,-1-1 0,-1-2 0,-40 15 0,50-25 0,0-1 0,0-1 0,-1-1 0,1 0 0,-35-5 0,-3 2 0,39 2 0,-4-1 0,1 1 0,0 0 0,-1 2 0,1 1 0,0 0 0,-36 12 0,-13 14-23,43-17-312,0-1-1,0-1 1,-44 9-1,56-16-6490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2-27T07:14:56.680"/>
    </inkml:context>
    <inkml:brush xml:id="br0">
      <inkml:brushProperty name="width" value="0.035" units="cm"/>
      <inkml:brushProperty name="height" value="0.035" units="cm"/>
      <inkml:brushProperty name="color" value="#E71224"/>
    </inkml:brush>
  </inkml:definitions>
  <inkml:trace contextRef="#ctx0" brushRef="#br0">3088 55 24575,'-5'5'0,"-1"-1"0,0 0 0,0 0 0,0 0 0,-1-1 0,-12 5 0,-8 5 0,-142 72 0,125-64 0,-1-2 0,-76 21 0,18-7 0,-88 46 0,43-21 0,126-49 0,0 1 0,-36 22 0,41-21 0,0-2 0,0 0 0,0 0 0,-1-2 0,-28 8 0,-38 0 0,-111 7 0,-36-1 0,110-8 0,105-11 0,1 2 0,-1-1 0,1 2 0,-20 9 0,14-6 0,-30 8 0,-61 9 0,-146 36 0,233-52 0,0 1 0,0 1 0,-24 15 0,10-6 0,-89 44 0,106-51 0,0 1 0,0 2 0,2 0 0,0 1 0,-28 31 0,-10 9 0,33-35 0,2 0 0,-35 46 0,52-58 0,0 1 0,1 0 0,0 0 0,0 0 0,1 0 0,1 0 0,0 1 0,1 0 0,-2 13 0,1 18 0,1 48 0,2-91 0,10 122 0,-5-86 0,-2 0 0,-2 58 0,-3-79 0,-1 0 0,-1 1 0,-1-1 0,0-1 0,0 1 0,-16 26 0,12-23 0,0-1 0,2 1 0,0 0 0,-5 24 0,6-19 0,-12 34 0,12-41 0,0 0 0,1 0 0,1 0 0,1 1 0,-2 20 0,5 305 0,1-159 0,0-168 0,0 1 0,1-1 0,1 1 0,0-1 0,6 17 0,33 73 0,-36-92 0,0 0 0,2 0 0,0 0 0,9 12 0,-7-12 0,-1 1 0,10 18 0,-4 0 0,-1 1 0,-2 0 0,-1 1 0,-1 1 0,-2 0 0,-2 0 0,4 64 0,-10-89 0,1 0 0,1-1 0,0 0 0,0 1 0,1-1 0,0 0 0,0 0 0,1-1 0,0 1 0,1-1 0,0 1 0,0-1 0,1-1 0,0 1 0,0-1 0,1 0 0,-1-1 0,2 1 0,-1-1 0,1-1 0,0 1 0,16 7 0,-5-4 0,-3 0 0,0-1 0,1-1 0,0-1 0,0 0 0,1-1 0,34 5 0,-26-6 0,-1 0 0,1 1 0,31 12 0,-14-4 0,-16-8 0,0-1 0,0-1 0,0-1 0,0-1 0,35-5 0,7 2 0,-2 3 0,-37 1 0,1-2 0,-1-1 0,1-2 0,53-10 0,49-15 0,-50 12 0,-29 5 0,1 3 0,0 1 0,56 2 0,509 6 0,-606 0 0,1 1 0,0 0 0,-1 1 0,22 7 0,15 4 0,-5-5 0,35 7 0,148 49 0,-180-50 0,-35-11 0,-1 0 0,1 1 0,23 12 0,-23-10 0,1-1 0,-1 0 0,19 5 0,16 5 0,-27-8 0,1-1 0,48 7 0,-11-3 0,47 10 0,35 9 0,-95-19 0,0-3 0,86 5 0,97-12 0,-106-3 0,-57 3 0,76-2 0,-109-4 0,0-2 0,-1 0 0,0-3 0,38-14 0,-43 11 0,0-1 0,0-1 0,-1-1 0,43-35 0,87-89 0,-18-4 0,-109 112 0,-25 27 0,0 0 0,0 0 0,0 1 0,1 0 0,-1 0 0,1 1 0,0 0 0,0 0 0,0 0 0,1 0 0,-1 1 0,12-2 0,1 1 0,0 1 0,0 1 0,23 2 0,-30-1 0,0 0 0,0-1 0,0 0 0,0-1 0,0-1 0,-1 0 0,1 0 0,-1-1 0,0-1 0,16-8 0,-11 6 0,1-1 0,1 2 0,1 0 0,-1 1 0,37-5 0,76 2 0,-53 5 0,-56 0 0,0 0 0,41-14 0,10-1 0,80-10 0,-103 11 0,-40 13 0,-1 0 0,1 1 0,0 0 0,0 1 0,17-2 0,7 3 0,69-7 0,-18-7 0,-27 4 0,103-6 0,-148 16 0,0-1 0,0 0 0,-1-1 0,1-1 0,18-8 0,11-2 0,-19 5 0,0 0 0,34-20 0,-30 14 0,13-5 0,-8 4 0,57-36 0,-79 43 0,1-1 0,-2 1 0,10-12 0,-11 11 0,1 1 0,0 0 0,19-15 0,-15 15 0,-1-1 0,0 0 0,0-1 0,-1 0 0,-1-1 0,0 0 0,0 0 0,-1-1 0,-1-1 0,0 1 0,-1-1 0,0 0 0,-2-1 0,1 0 0,-2 0 0,0 0 0,0 0 0,-2-1 0,0 0 0,0-17 0,-5-343 0,0 330 0,-2 1 0,-3 0 0,-1 0 0,-16-44 0,14 51 0,4 17 0,1 0 0,1 0 0,1-1 0,-2-36 0,0-80 0,3 112 0,-1 0 0,-1 1 0,-11-33 0,4 19 0,7 19 0,-2 0 0,-9-19 0,-6-14 0,17 40 0,0 0 0,0 0 0,-1 1 0,-1 0 0,-11-16 0,-177-240 0,164 226 0,-49-53 0,17 23 0,57 65 0,-31-40 0,-2 2 0,-69-62 0,13 21 0,-21-18 0,91 86 0,-1 0 0,-1 2 0,-1 2 0,0 0 0,-59-19 0,66 27 0,0 2 0,1 1 0,-1 0 0,-22 1 0,-12-2 0,34 2 0,-47-4 0,-112-26 0,133 22 0,0 2 0,-85-3 0,-16-2 0,-32-16 0,89 21 0,-31-5 0,-223-21 0,224 34 0,-28-2 0,122-2 0,-36-9 0,42 7 0,-1 1 0,1 1 0,-30-1 0,-570 7 0,591 0 0,0 1 0,0 2 0,0 1 0,-56 19 0,59-16 0,0-2 0,-1-1 0,-39 4 0,53-7-1365,3 0-5461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2-27T07:14:57.902"/>
    </inkml:context>
    <inkml:brush xml:id="br0">
      <inkml:brushProperty name="width" value="0.035" units="cm"/>
      <inkml:brushProperty name="height" value="0.035" units="cm"/>
      <inkml:brushProperty name="color" value="#E71224"/>
    </inkml:brush>
  </inkml:definitions>
  <inkml:trace contextRef="#ctx0" brushRef="#br0">0 1 24575</inkml:trace>
</inkml:ink>
</file>

<file path=ppt/ink/ink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2-27T07:54:06.112"/>
    </inkml:context>
    <inkml:brush xml:id="br0">
      <inkml:brushProperty name="width" value="0.3" units="cm"/>
      <inkml:brushProperty name="height" value="0.6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1243'0,"-1219"0</inkml:trace>
</inkml:ink>
</file>

<file path=ppt/ink/ink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2-27T08:25:04.612"/>
    </inkml:context>
    <inkml:brush xml:id="br0">
      <inkml:brushProperty name="width" value="0.035" units="cm"/>
      <inkml:brushProperty name="height" value="0.035" units="cm"/>
      <inkml:brushProperty name="color" value="#E71224"/>
    </inkml:brush>
  </inkml:definitions>
  <inkml:trace contextRef="#ctx0" brushRef="#br0">1104 86 24575,'-2'-4'0,"0"0"0,-1 0 0,1 1 0,-1-1 0,0 1 0,0 0 0,0 0 0,0 0 0,-1 0 0,1 1 0,-1-1 0,0 1 0,0 0 0,1 0 0,-1 0 0,-1 0 0,-5-1 0,-6 0 0,0 0 0,1 1 0,-27 0 0,-16-2 0,29 0 0,-8-3 0,-2 3 0,-41-1 0,-357 6 0,431-1 0,0 1 0,1 0 0,-1 0 0,1 1 0,-1 0 0,1 0 0,-1 0 0,1 0 0,0 1 0,0 0 0,0 0 0,-6 5 0,-8 8 0,-26 27 0,41-39 0,-6 8 0,-1 1 0,2 0 0,0 1 0,0-1 0,1 2 0,1-1 0,-10 30 0,5-4 0,-14 78 0,21-79 0,3 1 0,3 57 0,0-26 0,0-63 0,1 1 0,0-1 0,0 1 0,0-1 0,1 0 0,1 0 0,-1 0 0,8 11 0,2 6 0,-8-17 0,1 0 0,0 0 0,0 0 0,0-1 0,1 0 0,1 0 0,-1-1 0,1 0 0,0 0 0,16 9 0,18 13 0,-34-22 0,0 0 0,1 0 0,0-1 0,0-1 0,0 1 0,0-1 0,12 3 0,-16-6 0,0 0 0,1 0 0,-1 0 0,0-1 0,1 0 0,-1 0 0,1 0 0,-1 0 0,0-1 0,1 0 0,-1 0 0,0-1 0,0 1 0,0-1 0,7-3 0,53-30 0,63-32 0,-110 58 0,0-1 0,-1 0 0,30-25 0,43-46 0,-48 41 0,2-4 0,-32 31 0,0 0 0,1 1 0,1 1 0,0 0 0,0 0 0,24-12 0,6 5 0,-33 14 0,-1 0 0,0 0 0,0-1 0,0 0 0,0-1 0,-1 0 0,16-14 0,5-11 0,-2-1 0,32-48 0,-56 75 0,-1 0 0,0 0 0,-1-1 0,1 0 0,-1 1 0,-1-1 0,1 0 0,-1 0 0,0 0 0,1-8 0,-2 11 0,0-1 0,0 1 0,0 0 0,0 0 0,-1 0 0,1 0 0,-1 0 0,0 0 0,0 0 0,0 0 0,0 0 0,0 1 0,-1-1 0,1 0 0,-1 1 0,0-1 0,0 1 0,0-1 0,0 1 0,0 0 0,-5-4 0,-7-4-455,0-1 0,-14-13 0,15 11-6371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482DAFE-2FA0-4C7B-84F0-D4C298D76DBC}" type="datetimeFigureOut">
              <a:rPr lang="en-HK" smtClean="0"/>
              <a:t>22/10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BB1FED1-A18A-4D7D-BB16-1DDF174DB1BD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73124007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12164409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1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2149736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1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24502843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1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601533219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1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57341508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1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228079117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1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69061058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60144764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2018693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938946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08023333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67967774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74541345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4063221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B1FED1-A18A-4D7D-BB16-1DDF174DB1BD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05488208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sv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3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4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Relationship Id="rId4" Type="http://schemas.microsoft.com/office/2007/relationships/hdphoto" Target="../media/hdphoto1.wdp"/></Relationships>
</file>

<file path=ppt/slideLayouts/_rels/slideLayout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1FBE2D3-CA15-D6F9-5F71-4138677CED64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635E7E7E-F7D2-C135-1B16-07EBC31E6BEB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sp>
        <p:nvSpPr>
          <p:cNvPr id="4" name="Oval 3">
            <a:extLst>
              <a:ext uri="{FF2B5EF4-FFF2-40B4-BE49-F238E27FC236}">
                <a16:creationId xmlns:a16="http://schemas.microsoft.com/office/drawing/2014/main" id="{AA72AA81-1E5D-F785-5F10-48DB65414A5D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89407F4D-ABCA-5AFF-C17A-513FB41B79D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664ADEA0-46A7-AE53-E221-030A9E4AF4B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3BD20CCB-D51B-3B2B-BA85-18890A3E70A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E59DD3FB-7D30-C14E-CC43-BD2B573E3DB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4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13CEAA9D-E2D2-4D06-92B2-89CE5337475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D11A7A8D-AA40-112B-95F9-4C2BBD53E96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6CEC3A77-F269-7314-812E-2804F6FFD0E8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5B455900-D82E-6D79-D1EE-8A1080D5DA7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925175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7C93705-7836-50C2-C711-33E4E61D748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6CD22B36-119A-C721-7854-3D2B9969E54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DB54D830-8221-4227-FC16-C6BF0EAD50B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A8EE15E2-D09D-DED2-FDD1-7441A6AD5CA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DCC502C3-7653-9003-D461-585F484DA16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78EABFD0-4261-57F2-B453-276ADD6DFCC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063A3E1-9402-8A8A-5B35-C667C0B43D4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3078997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4FA00C91-8D10-1B0A-9D72-B4ECB4915B7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A59C329-A995-47BE-7298-290190BBA88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43C115E8-7D1F-2E83-C228-4951CD83666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297BB47-10A3-4F7C-2457-FC54C6C9A3C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DF0CEFCE-8704-C3EF-F061-AE630D66CCF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9DA90489-55BA-CAF5-D0A1-532A0583F034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B83E1767-9B54-70C7-19F2-85BCA8E8D5A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04460437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31FB363F-E5A7-1754-B596-3C7283250CA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349586C8-3EC5-6EDA-E6E2-71B750A78D4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2C6FD051-1DB5-1584-37BA-DA669D0A8E4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93FE4C0F-A332-64BE-38C7-2F500458C9FC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1D4EFED7-C87B-53D3-619E-8F0AAB0C556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DE584B8D-6337-373C-A017-0CD8C6CF6DA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99AD3B3-FB95-E000-DA97-687EE9E35B69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10960730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60053330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405BF53B-3746-45E4-AFD9-9C6C53F3696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2D596F7C-244D-44EC-AB21-F17E50845CC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A024446-C119-4083-A3C8-DAAED105172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355971CC-AC1B-2F3B-BC79-8078E6D733C3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8A05E0FC-17D7-90D1-9C25-C737869B4180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87DE1FE2-B135-6E0E-CA32-27FDD47A542E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754090471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9884752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70562710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37325990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95649744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693739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2A29C51-DB75-9166-5CED-09192DA48D3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DCE6B33-2724-3C15-A5DF-24E91721C0C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C26E33E9-60D9-045B-5C1F-EAE7C9E2BD6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AFB6AEAE-7562-299A-05BD-8CABEA84009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AC6DF245-DB9D-8CF5-29EE-8B205659BA24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41BD540B-55B6-DB97-2751-AB7C4DB29E5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6B891F78-8F59-215B-5AEB-2357E3C1B3D6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47537638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5438357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 dirty="0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729899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14219648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7179403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6440445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noFill/>
          <a:ln w="38100">
            <a:solidFill>
              <a:srgbClr val="00B3F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Chapter name]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B3F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962129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7ED3F7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8" name="object 81">
            <a:extLst>
              <a:ext uri="{FF2B5EF4-FFF2-40B4-BE49-F238E27FC236}">
                <a16:creationId xmlns:a16="http://schemas.microsoft.com/office/drawing/2014/main" id="{EE56C48F-AEF9-64B7-01B1-2EFB0534C8EC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404572911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Chapter name]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ost-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57692176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AAD69C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rgbClr val="50B848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8" name="object 81">
            <a:extLst>
              <a:ext uri="{FF2B5EF4-FFF2-40B4-BE49-F238E27FC236}">
                <a16:creationId xmlns:a16="http://schemas.microsoft.com/office/drawing/2014/main" id="{EE56C48F-AEF9-64B7-01B1-2EFB0534C8EC}"/>
              </a:ext>
            </a:extLst>
          </p:cNvPr>
          <p:cNvSpPr txBox="1"/>
          <p:nvPr userDrawn="1"/>
        </p:nvSpPr>
        <p:spPr>
          <a:xfrm>
            <a:off x="681816" y="54364"/>
            <a:ext cx="2684823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sz="3600" b="1" spc="73" dirty="0">
                <a:solidFill>
                  <a:srgbClr val="FFFFFF"/>
                </a:solidFill>
                <a:latin typeface="Calibri"/>
                <a:cs typeface="Calibri"/>
              </a:rPr>
              <a:t>Post-</a:t>
            </a:r>
            <a:r>
              <a:rPr sz="3600" b="1" spc="64" dirty="0">
                <a:solidFill>
                  <a:srgbClr val="FFFFFF"/>
                </a:solidFill>
                <a:latin typeface="Calibri"/>
                <a:cs typeface="Calibri"/>
              </a:rPr>
              <a:t>reading</a:t>
            </a:r>
            <a:endParaRPr sz="3600" dirty="0"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1924839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argeted Reading skill]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 skill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036496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403CA8BD-7DF3-64C0-F132-8299739F65B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D589369E-CB68-2DEA-83B5-53E4D4B89A3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490DC2FA-62C6-9092-633C-24F31D3F8E2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A0D313AF-7C8A-FDB5-7128-252474D1940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1D104FB3-4474-78B9-86B2-55E1EE3422E8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EC37CCE6-C99B-7831-4697-52A4ED15327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563F9652-0E6F-C742-ED06-CC360D9C7EF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60172389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9EFD7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83387383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F37D7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opic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Sub-topic]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F37D7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alue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6388573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FDE3DF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0981499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C657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opic]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C657A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Key word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75434849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4253143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opic]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ocab booster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199984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Grammar point]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89002246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2941363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ractice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swer key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89307509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93960527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8CD1089E-0FDD-5AC6-DA9F-63526D27270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C2313FC-3E5E-EAF1-6BFF-94867BE74E9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C7C10FD-6CB5-5933-5011-6A858C76574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D675697B-4D22-86B7-7B5C-5881E7023FF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90F8D5A-20B8-055E-17DA-D3D765B903EC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7A794DA-B0B8-DBE7-9AFA-06FBE14F28F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507D3FFC-0CA5-224F-C01F-706F1BFDDE1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30764080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Grammar point]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01050181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82814559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ractice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swer key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28037163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6381914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Skill]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91D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peak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39304301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5BFE5"/>
          </a:solidFill>
        </p:spPr>
        <p:txBody>
          <a:bodyPr wrap="square" lIns="0" tIns="0" rIns="0" bIns="0" rtlCol="0"/>
          <a:lstStyle/>
          <a:p>
            <a:endParaRPr sz="1093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14963016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 dirty="0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cienc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191544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  <a:endParaRPr lang="en-US" sz="360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Culture</a:t>
            </a:r>
            <a:endParaRPr lang="en-HK" sz="3600" b="1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629C4731-0DC2-7B98-BF6A-99C556993A6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376748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  <a:endParaRPr lang="en-US" sz="360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56631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echnology</a:t>
            </a:r>
            <a:endParaRPr lang="en-HK" sz="3600" b="1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7E60A7B-3F6D-0517-0414-6891E6955E0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207974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ext type]</a:t>
            </a:r>
            <a:endParaRPr lang="en-US" sz="360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ext type</a:t>
            </a:r>
            <a:endParaRPr lang="en-HK" sz="3600" b="1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566437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A7AB190-7EF5-A0A6-F9C6-9D3285D1218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FA410442-363A-57F9-74CB-21CF17B74FB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609F1A7B-3CEA-A4DB-3A21-41A484E1487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64F2146B-DA82-D1AF-FD54-9DB461CE076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02AF882-3481-C853-E206-A316DD64DFA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7BEE58E-DE07-D01F-29ED-3FD3080D969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D3381660-9F04-FC84-104C-CD3BE8C7914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71683173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0CE9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04589325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ask name]</a:t>
            </a:r>
            <a:endParaRPr lang="en-US" sz="360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7961A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ask</a:t>
            </a:r>
            <a:endParaRPr lang="en-HK" sz="3600" b="1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023711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B1A3CF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2363559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3432965B-3D8D-13F5-0287-777110EC8936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6509" b="96450" l="3129" r="99249">
                        <a14:foregroundMark x1="26909" y1="21893" x2="26789" y2="81817"/>
                        <a14:foregroundMark x1="37547" y1="25444" x2="38298" y2="77515"/>
                        <a14:foregroundMark x1="47309" y1="20710" x2="48185" y2="76923"/>
                        <a14:foregroundMark x1="60826" y1="15385" x2="59700" y2="71006"/>
                        <a14:foregroundMark x1="59700" y1="71006" x2="59950" y2="72781"/>
                        <a14:foregroundMark x1="46683" y1="16568" x2="85732" y2="42604"/>
                        <a14:foregroundMark x1="85732" y1="42604" x2="76721" y2="70414"/>
                        <a14:foregroundMark x1="22653" y1="29586" x2="85482" y2="29586"/>
                        <a14:foregroundMark x1="77722" y1="68639" x2="89688" y2="67696"/>
                        <a14:foregroundMark x1="90139" y1="59990" x2="73841" y2="80971"/>
                        <a14:foregroundMark x1="5506" y1="65175" x2="3390" y2="60969"/>
                        <a14:foregroundMark x1="13994" y1="82047" x2="9630" y2="73373"/>
                        <a14:foregroundMark x1="9763" y1="58580" x2="23905" y2="58580"/>
                        <a14:foregroundMark x1="88998" y1="45562" x2="91008" y2="45160"/>
                        <a14:foregroundMark x1="23905" y1="58580" x2="88998" y2="45562"/>
                        <a14:foregroundMark x1="15269" y1="27811" x2="15269" y2="27811"/>
                        <a14:foregroundMark x1="35169" y1="18935" x2="35169" y2="18935"/>
                        <a14:foregroundMark x1="34793" y1="61538" x2="34793" y2="61538"/>
                        <a14:foregroundMark x1="36045" y1="19527" x2="36045" y2="19527"/>
                        <a14:foregroundMark x1="35419" y1="65680" x2="35419" y2="65680"/>
                        <a14:foregroundMark x1="34043" y1="74556" x2="34043" y2="74556"/>
                        <a14:foregroundMark x1="35044" y1="44970" x2="35044" y2="44970"/>
                        <a14:backgroundMark x1="98498" y1="1775" x2="98498" y2="1775"/>
                        <a14:backgroundMark x1="97747" y1="91124" x2="97747" y2="91124"/>
                        <a14:backgroundMark x1="99124" y1="8876" x2="99124" y2="8876"/>
                        <a14:backgroundMark x1="2128" y1="94675" x2="2128" y2="94675"/>
                        <a14:backgroundMark x1="8010" y1="97633" x2="8010" y2="97633"/>
                        <a14:backgroundMark x1="5006" y1="95858" x2="11389" y2="95858"/>
                        <a14:backgroundMark x1="88022" y1="98026" x2="95745" y2="97633"/>
                        <a14:backgroundMark x1="84105" y1="98225" x2="86293" y2="98114"/>
                        <a14:backgroundMark x1="95745" y1="97633" x2="97121" y2="90533"/>
                        <a14:backgroundMark x1="97247" y1="8284" x2="99249" y2="6509"/>
                        <a14:backgroundMark x1="86717" y1="94700" x2="86233" y2="95266"/>
                        <a14:backgroundMark x1="98373" y1="81065" x2="95177" y2="84804"/>
                        <a14:backgroundMark x1="86233" y1="95266" x2="82478" y2="94675"/>
                        <a14:backgroundMark x1="99249" y1="90533" x2="98748" y2="93491"/>
                        <a14:backgroundMark x1="98498" y1="93491" x2="98498" y2="93491"/>
                        <a14:backgroundMark x1="93492" y1="1775" x2="93492" y2="1775"/>
                        <a14:backgroundMark x1="92491" y1="1183" x2="92491" y2="1183"/>
                        <a14:backgroundMark x1="6758" y1="20118" x2="6758" y2="20118"/>
                        <a14:backgroundMark x1="94869" y1="4734" x2="2628" y2="4142"/>
                        <a14:backgroundMark x1="2628" y1="4142" x2="501" y2="91716"/>
                        <a14:backgroundMark x1="93367" y1="33728" x2="93367" y2="33728"/>
                        <a14:backgroundMark x1="94994" y1="14793" x2="91114" y2="81065"/>
                        <a14:backgroundMark x1="91114" y1="81065" x2="80851" y2="89349"/>
                        <a14:backgroundMark x1="80851" y1="89349" x2="15019" y2="90533"/>
                        <a14:backgroundMark x1="15019" y1="90533" x2="14768" y2="89941"/>
                        <a14:backgroundMark x1="91239" y1="15976" x2="93867" y2="21893"/>
                        <a14:backgroundMark x1="91489" y1="13609" x2="91489" y2="13609"/>
                        <a14:backgroundMark x1="96746" y1="41420" x2="93367" y2="89941"/>
                        <a14:backgroundMark x1="93367" y1="89941" x2="94243" y2="83432"/>
                        <a14:backgroundMark x1="91114" y1="11243" x2="93742" y2="25444"/>
                        <a14:backgroundMark x1="90989" y1="45562" x2="90989" y2="45562"/>
                        <a14:backgroundMark x1="31039" y1="32544" x2="31039" y2="32544"/>
                        <a14:backgroundMark x1="7635" y1="53254" x2="7635" y2="73373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559044" y="2099917"/>
            <a:ext cx="5073911" cy="107320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1585383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8831335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A1245B17-5BAB-EEBF-9D92-33CB634B15FC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3863864" y="2176734"/>
            <a:ext cx="4311872" cy="90174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09490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4D177123-E968-9885-B6FB-771AAAB4884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>
                <a:solidFill>
                  <a:schemeClr val="tx1"/>
                </a:solidFill>
                <a:latin typeface="Calibri"/>
                <a:cs typeface="Calibri"/>
              </a:rPr>
              <a:t>Teacher’s talk</a:t>
            </a:r>
            <a:endParaRPr sz="3600">
              <a:solidFill>
                <a:schemeClr val="tx1"/>
              </a:solidFill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2343917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ata 9">
            <a:extLst>
              <a:ext uri="{FF2B5EF4-FFF2-40B4-BE49-F238E27FC236}">
                <a16:creationId xmlns:a16="http://schemas.microsoft.com/office/drawing/2014/main" id="{8A80BF77-BDCF-D46C-B6AD-91F60F122C50}"/>
              </a:ext>
            </a:extLst>
          </p:cNvPr>
          <p:cNvSpPr/>
          <p:nvPr userDrawn="1"/>
        </p:nvSpPr>
        <p:spPr>
          <a:xfrm>
            <a:off x="4495874" y="2854460"/>
            <a:ext cx="3200252" cy="917440"/>
          </a:xfrm>
          <a:custGeom>
            <a:avLst/>
            <a:gdLst>
              <a:gd name="connsiteX0" fmla="*/ 0 w 10000"/>
              <a:gd name="connsiteY0" fmla="*/ 10000 h 10000"/>
              <a:gd name="connsiteX1" fmla="*/ 2000 w 10000"/>
              <a:gd name="connsiteY1" fmla="*/ 0 h 10000"/>
              <a:gd name="connsiteX2" fmla="*/ 10000 w 10000"/>
              <a:gd name="connsiteY2" fmla="*/ 0 h 10000"/>
              <a:gd name="connsiteX3" fmla="*/ 8000 w 10000"/>
              <a:gd name="connsiteY3" fmla="*/ 10000 h 10000"/>
              <a:gd name="connsiteX4" fmla="*/ 0 w 10000"/>
              <a:gd name="connsiteY4" fmla="*/ 10000 h 10000"/>
              <a:gd name="connsiteX0" fmla="*/ 0 w 8479"/>
              <a:gd name="connsiteY0" fmla="*/ 9627 h 10000"/>
              <a:gd name="connsiteX1" fmla="*/ 479 w 8479"/>
              <a:gd name="connsiteY1" fmla="*/ 0 h 10000"/>
              <a:gd name="connsiteX2" fmla="*/ 8479 w 8479"/>
              <a:gd name="connsiteY2" fmla="*/ 0 h 10000"/>
              <a:gd name="connsiteX3" fmla="*/ 6479 w 8479"/>
              <a:gd name="connsiteY3" fmla="*/ 10000 h 10000"/>
              <a:gd name="connsiteX4" fmla="*/ 0 w 8479"/>
              <a:gd name="connsiteY4" fmla="*/ 9627 h 10000"/>
              <a:gd name="connsiteX0" fmla="*/ 0 w 8599"/>
              <a:gd name="connsiteY0" fmla="*/ 9751 h 10124"/>
              <a:gd name="connsiteX1" fmla="*/ 565 w 8599"/>
              <a:gd name="connsiteY1" fmla="*/ 124 h 10124"/>
              <a:gd name="connsiteX2" fmla="*/ 8599 w 8599"/>
              <a:gd name="connsiteY2" fmla="*/ 0 h 10124"/>
              <a:gd name="connsiteX3" fmla="*/ 7641 w 8599"/>
              <a:gd name="connsiteY3" fmla="*/ 10124 h 10124"/>
              <a:gd name="connsiteX4" fmla="*/ 0 w 8599"/>
              <a:gd name="connsiteY4" fmla="*/ 9751 h 10124"/>
              <a:gd name="connsiteX0" fmla="*/ 0 w 9943"/>
              <a:gd name="connsiteY0" fmla="*/ 9510 h 9878"/>
              <a:gd name="connsiteX1" fmla="*/ 657 w 9943"/>
              <a:gd name="connsiteY1" fmla="*/ 0 h 9878"/>
              <a:gd name="connsiteX2" fmla="*/ 9943 w 9943"/>
              <a:gd name="connsiteY2" fmla="*/ 369 h 9878"/>
              <a:gd name="connsiteX3" fmla="*/ 8886 w 9943"/>
              <a:gd name="connsiteY3" fmla="*/ 9878 h 9878"/>
              <a:gd name="connsiteX4" fmla="*/ 0 w 9943"/>
              <a:gd name="connsiteY4" fmla="*/ 9510 h 9878"/>
              <a:gd name="connsiteX0" fmla="*/ 0 w 10057"/>
              <a:gd name="connsiteY0" fmla="*/ 9627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9627 h 10000"/>
              <a:gd name="connsiteX0" fmla="*/ 0 w 10057"/>
              <a:gd name="connsiteY0" fmla="*/ 10000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10000 h 10000"/>
              <a:gd name="connsiteX0" fmla="*/ 0 w 10057"/>
              <a:gd name="connsiteY0" fmla="*/ 9875 h 9875"/>
              <a:gd name="connsiteX1" fmla="*/ 747 w 10057"/>
              <a:gd name="connsiteY1" fmla="*/ 124 h 9875"/>
              <a:gd name="connsiteX2" fmla="*/ 10057 w 10057"/>
              <a:gd name="connsiteY2" fmla="*/ 0 h 9875"/>
              <a:gd name="connsiteX3" fmla="*/ 8937 w 10057"/>
              <a:gd name="connsiteY3" fmla="*/ 9875 h 9875"/>
              <a:gd name="connsiteX4" fmla="*/ 0 w 10057"/>
              <a:gd name="connsiteY4" fmla="*/ 9875 h 98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57" h="9875">
                <a:moveTo>
                  <a:pt x="0" y="9875"/>
                </a:moveTo>
                <a:cubicBezTo>
                  <a:pt x="221" y="6666"/>
                  <a:pt x="526" y="3333"/>
                  <a:pt x="747" y="124"/>
                </a:cubicBezTo>
                <a:lnTo>
                  <a:pt x="10057" y="0"/>
                </a:lnTo>
                <a:lnTo>
                  <a:pt x="8937" y="9875"/>
                </a:lnTo>
                <a:lnTo>
                  <a:pt x="0" y="9875"/>
                </a:lnTo>
                <a:close/>
              </a:path>
            </a:pathLst>
          </a:custGeom>
          <a:solidFill>
            <a:srgbClr val="4663A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400" b="1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 end</a:t>
            </a:r>
            <a:endParaRPr lang="en-HK" sz="4400" b="1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037596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type="obj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D7EE4CF-DA96-E904-B8B2-17184D72C37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83729DF-4CB9-4952-D8DA-11BCE044E69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66848802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EC8E5AB-A56C-0EF2-B9C8-316F577FB3F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052FF7F-BDA8-B17A-91E7-C671A613990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0DEA9933-0C2F-D8C9-4C15-D6C191AA118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8DF16C28-2601-2F9A-DBE8-BB0FAA52E7E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B27E740A-EAF2-05E5-A889-66A56158F4A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3AFA011-D548-8937-22A3-F431D8187A3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06EE802C-9FF5-BD5A-1FC9-F19B3BE69BA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3816765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69BB9B9A-CC43-B36D-76CD-3C155AF3E16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936D7EE4-DBD1-D6AA-FE48-83FDCAD2B13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79ADEFCE-910B-E902-64A1-8A5661D66F6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967CCC15-1068-5FD4-14B5-A481F28EC16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349667EC-F03A-6074-5CE7-D6B304F4223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4BE16DD1-8FA6-5B99-C1C5-1E3D3439DD7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F0129995-7385-F84D-E656-293A15039848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2932912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6A0A5B5-2F22-5AF7-7E9D-5ABDA94D61AD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15FF0269-065D-C822-C5DD-B0B4FCFA66B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A198B07C-3E45-79B0-F69B-9A4B5CAB0C1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D06F5444-8BBC-19C3-5E08-209CF461316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E67D079D-ED32-5A13-F689-84DB27F92A0C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E3BEEE2-BC0B-715A-E528-7C9B4178EDA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64483C2-DEA3-5699-D1A5-DCBBA4AC9307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0356053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1EA0C72F-B83E-7473-AE08-A4E7712A16F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E213A045-1D76-D376-33C7-56AED9099BD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B43F8E92-7C15-8EC6-82F8-6C7FF8E9A4C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D83F0F4-45C7-F460-F954-AADBA0C4B50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D05E5636-7CF6-F2FB-AD38-E7A357181EA0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A8D84DD-B938-EE55-A3C2-602F39CAFFA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B0C4585C-7282-BC32-CEA4-AB635F3BF06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6465616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_rels/slideMaster2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37.xml"/><Relationship Id="rId18" Type="http://schemas.openxmlformats.org/officeDocument/2006/relationships/slideLayout" Target="../slideLayouts/slideLayout42.xml"/><Relationship Id="rId26" Type="http://schemas.openxmlformats.org/officeDocument/2006/relationships/slideLayout" Target="../slideLayouts/slideLayout50.xml"/><Relationship Id="rId3" Type="http://schemas.openxmlformats.org/officeDocument/2006/relationships/slideLayout" Target="../slideLayouts/slideLayout27.xml"/><Relationship Id="rId21" Type="http://schemas.openxmlformats.org/officeDocument/2006/relationships/slideLayout" Target="../slideLayouts/slideLayout45.xml"/><Relationship Id="rId34" Type="http://schemas.openxmlformats.org/officeDocument/2006/relationships/slideLayout" Target="../slideLayouts/slideLayout58.xml"/><Relationship Id="rId7" Type="http://schemas.openxmlformats.org/officeDocument/2006/relationships/slideLayout" Target="../slideLayouts/slideLayout31.xml"/><Relationship Id="rId12" Type="http://schemas.openxmlformats.org/officeDocument/2006/relationships/slideLayout" Target="../slideLayouts/slideLayout36.xml"/><Relationship Id="rId17" Type="http://schemas.openxmlformats.org/officeDocument/2006/relationships/slideLayout" Target="../slideLayouts/slideLayout41.xml"/><Relationship Id="rId25" Type="http://schemas.openxmlformats.org/officeDocument/2006/relationships/slideLayout" Target="../slideLayouts/slideLayout49.xml"/><Relationship Id="rId33" Type="http://schemas.openxmlformats.org/officeDocument/2006/relationships/slideLayout" Target="../slideLayouts/slideLayout57.xml"/><Relationship Id="rId2" Type="http://schemas.openxmlformats.org/officeDocument/2006/relationships/slideLayout" Target="../slideLayouts/slideLayout26.xml"/><Relationship Id="rId16" Type="http://schemas.openxmlformats.org/officeDocument/2006/relationships/slideLayout" Target="../slideLayouts/slideLayout40.xml"/><Relationship Id="rId20" Type="http://schemas.openxmlformats.org/officeDocument/2006/relationships/slideLayout" Target="../slideLayouts/slideLayout44.xml"/><Relationship Id="rId29" Type="http://schemas.openxmlformats.org/officeDocument/2006/relationships/slideLayout" Target="../slideLayouts/slideLayout53.xml"/><Relationship Id="rId1" Type="http://schemas.openxmlformats.org/officeDocument/2006/relationships/slideLayout" Target="../slideLayouts/slideLayout25.xml"/><Relationship Id="rId6" Type="http://schemas.openxmlformats.org/officeDocument/2006/relationships/slideLayout" Target="../slideLayouts/slideLayout30.xml"/><Relationship Id="rId11" Type="http://schemas.openxmlformats.org/officeDocument/2006/relationships/slideLayout" Target="../slideLayouts/slideLayout35.xml"/><Relationship Id="rId24" Type="http://schemas.openxmlformats.org/officeDocument/2006/relationships/slideLayout" Target="../slideLayouts/slideLayout48.xml"/><Relationship Id="rId32" Type="http://schemas.openxmlformats.org/officeDocument/2006/relationships/slideLayout" Target="../slideLayouts/slideLayout56.xml"/><Relationship Id="rId5" Type="http://schemas.openxmlformats.org/officeDocument/2006/relationships/slideLayout" Target="../slideLayouts/slideLayout29.xml"/><Relationship Id="rId15" Type="http://schemas.openxmlformats.org/officeDocument/2006/relationships/slideLayout" Target="../slideLayouts/slideLayout39.xml"/><Relationship Id="rId23" Type="http://schemas.openxmlformats.org/officeDocument/2006/relationships/slideLayout" Target="../slideLayouts/slideLayout47.xml"/><Relationship Id="rId28" Type="http://schemas.openxmlformats.org/officeDocument/2006/relationships/slideLayout" Target="../slideLayouts/slideLayout52.xml"/><Relationship Id="rId36" Type="http://schemas.openxmlformats.org/officeDocument/2006/relationships/image" Target="../media/image29.png"/><Relationship Id="rId10" Type="http://schemas.openxmlformats.org/officeDocument/2006/relationships/slideLayout" Target="../slideLayouts/slideLayout34.xml"/><Relationship Id="rId19" Type="http://schemas.openxmlformats.org/officeDocument/2006/relationships/slideLayout" Target="../slideLayouts/slideLayout43.xml"/><Relationship Id="rId31" Type="http://schemas.openxmlformats.org/officeDocument/2006/relationships/slideLayout" Target="../slideLayouts/slideLayout55.xml"/><Relationship Id="rId4" Type="http://schemas.openxmlformats.org/officeDocument/2006/relationships/slideLayout" Target="../slideLayouts/slideLayout28.xml"/><Relationship Id="rId9" Type="http://schemas.openxmlformats.org/officeDocument/2006/relationships/slideLayout" Target="../slideLayouts/slideLayout33.xml"/><Relationship Id="rId14" Type="http://schemas.openxmlformats.org/officeDocument/2006/relationships/slideLayout" Target="../slideLayouts/slideLayout38.xml"/><Relationship Id="rId22" Type="http://schemas.openxmlformats.org/officeDocument/2006/relationships/slideLayout" Target="../slideLayouts/slideLayout46.xml"/><Relationship Id="rId27" Type="http://schemas.openxmlformats.org/officeDocument/2006/relationships/slideLayout" Target="../slideLayouts/slideLayout51.xml"/><Relationship Id="rId30" Type="http://schemas.openxmlformats.org/officeDocument/2006/relationships/slideLayout" Target="../slideLayouts/slideLayout54.xml"/><Relationship Id="rId35" Type="http://schemas.openxmlformats.org/officeDocument/2006/relationships/theme" Target="../theme/theme2.xml"/><Relationship Id="rId8" Type="http://schemas.openxmlformats.org/officeDocument/2006/relationships/slideLayout" Target="../slideLayouts/slideLayout3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10/22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B7649FA5-26AB-ED63-FB7E-283EB28CE6EC}"/>
              </a:ext>
            </a:extLst>
          </p:cNvPr>
          <p:cNvPicPr>
            <a:picLocks noChangeAspect="1"/>
          </p:cNvPicPr>
          <p:nvPr userDrawn="1"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89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27161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1" r:id="rId1"/>
    <p:sldLayoutId id="2147483702" r:id="rId2"/>
    <p:sldLayoutId id="2147483703" r:id="rId3"/>
    <p:sldLayoutId id="2147483704" r:id="rId4"/>
    <p:sldLayoutId id="2147483705" r:id="rId5"/>
    <p:sldLayoutId id="2147483706" r:id="rId6"/>
    <p:sldLayoutId id="2147483707" r:id="rId7"/>
    <p:sldLayoutId id="2147483708" r:id="rId8"/>
    <p:sldLayoutId id="2147483709" r:id="rId9"/>
    <p:sldLayoutId id="2147483710" r:id="rId10"/>
    <p:sldLayoutId id="2147483711" r:id="rId11"/>
    <p:sldLayoutId id="2147483712" r:id="rId12"/>
    <p:sldLayoutId id="2147483713" r:id="rId13"/>
    <p:sldLayoutId id="2147483714" r:id="rId14"/>
    <p:sldLayoutId id="2147483715" r:id="rId15"/>
    <p:sldLayoutId id="2147483716" r:id="rId16"/>
    <p:sldLayoutId id="2147483717" r:id="rId17"/>
    <p:sldLayoutId id="2147483718" r:id="rId18"/>
    <p:sldLayoutId id="2147483719" r:id="rId19"/>
    <p:sldLayoutId id="2147483720" r:id="rId20"/>
    <p:sldLayoutId id="2147483721" r:id="rId21"/>
    <p:sldLayoutId id="2147483722" r:id="rId22"/>
    <p:sldLayoutId id="2147483723" r:id="rId23"/>
    <p:sldLayoutId id="2147483724" r:id="rId2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205EABDA-AD1C-4DB8-D131-EB1A5636B2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BA5CFD-65EC-CA2B-E07F-BC261A6EA33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9543B0-16B6-855C-6A89-9775277A40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578CC24D-91B2-4E65-A086-1353CF621295}" type="datetimeFigureOut">
              <a:rPr lang="en-HK" smtClean="0"/>
              <a:t>22/10/2025</a:t>
            </a:fld>
            <a:endParaRPr lang="en-HK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BF0A90E-23E3-0B6F-2C3D-3AD93E1006C9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HK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6228962-FA93-A1D1-0E03-16334ADB5CAF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4FC7ED19-E071-422C-B089-65AD9DBFCD4D}" type="slidenum">
              <a:rPr lang="en-HK" smtClean="0"/>
              <a:t>‹#›</a:t>
            </a:fld>
            <a:endParaRPr lang="en-HK" dirty="0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3B3C0499-CEBB-318C-0CB6-0A0E6516CE63}"/>
              </a:ext>
            </a:extLst>
          </p:cNvPr>
          <p:cNvPicPr>
            <a:picLocks noChangeAspect="1"/>
          </p:cNvPicPr>
          <p:nvPr userDrawn="1"/>
        </p:nvPicPr>
        <p:blipFill>
          <a:blip r:embed="rId3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13539" y="6176964"/>
            <a:ext cx="1248144" cy="46221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084586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5" r:id="rId1"/>
    <p:sldLayoutId id="2147483667" r:id="rId2"/>
    <p:sldLayoutId id="2147483655" r:id="rId3"/>
    <p:sldLayoutId id="2147483661" r:id="rId4"/>
    <p:sldLayoutId id="2147483668" r:id="rId5"/>
    <p:sldLayoutId id="2147483666" r:id="rId6"/>
    <p:sldLayoutId id="2147483670" r:id="rId7"/>
    <p:sldLayoutId id="2147483671" r:id="rId8"/>
    <p:sldLayoutId id="2147483678" r:id="rId9"/>
    <p:sldLayoutId id="2147483679" r:id="rId10"/>
    <p:sldLayoutId id="2147483696" r:id="rId11"/>
    <p:sldLayoutId id="2147483672" r:id="rId12"/>
    <p:sldLayoutId id="2147483673" r:id="rId13"/>
    <p:sldLayoutId id="2147483680" r:id="rId14"/>
    <p:sldLayoutId id="2147483681" r:id="rId15"/>
    <p:sldLayoutId id="2147483674" r:id="rId16"/>
    <p:sldLayoutId id="2147483675" r:id="rId17"/>
    <p:sldLayoutId id="2147483682" r:id="rId18"/>
    <p:sldLayoutId id="2147483683" r:id="rId19"/>
    <p:sldLayoutId id="2147483676" r:id="rId20"/>
    <p:sldLayoutId id="2147483686" r:id="rId21"/>
    <p:sldLayoutId id="2147483684" r:id="rId22"/>
    <p:sldLayoutId id="2147483697" r:id="rId23"/>
    <p:sldLayoutId id="2147483698" r:id="rId24"/>
    <p:sldLayoutId id="2147483685" r:id="rId25"/>
    <p:sldLayoutId id="2147483687" r:id="rId26"/>
    <p:sldLayoutId id="2147483688" r:id="rId27"/>
    <p:sldLayoutId id="2147483689" r:id="rId28"/>
    <p:sldLayoutId id="2147483690" r:id="rId29"/>
    <p:sldLayoutId id="2147483691" r:id="rId30"/>
    <p:sldLayoutId id="2147483694" r:id="rId31"/>
    <p:sldLayoutId id="2147483695" r:id="rId32"/>
    <p:sldLayoutId id="2147483662" r:id="rId33"/>
    <p:sldLayoutId id="2147483699" r:id="rId3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png"/><Relationship Id="rId3" Type="http://schemas.openxmlformats.org/officeDocument/2006/relationships/notesSlide" Target="../notesSlides/notesSlide10.xml"/><Relationship Id="rId7" Type="http://schemas.openxmlformats.org/officeDocument/2006/relationships/slide" Target="slide11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1.xml"/><Relationship Id="rId6" Type="http://schemas.openxmlformats.org/officeDocument/2006/relationships/image" Target="../media/image35.svg"/><Relationship Id="rId5" Type="http://schemas.openxmlformats.org/officeDocument/2006/relationships/image" Target="../media/image34.png"/><Relationship Id="rId4" Type="http://schemas.openxmlformats.org/officeDocument/2006/relationships/image" Target="../media/image33.png"/><Relationship Id="rId9" Type="http://schemas.openxmlformats.org/officeDocument/2006/relationships/image" Target="../media/image37.sv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slide" Target="slide10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2.xml"/><Relationship Id="rId6" Type="http://schemas.openxmlformats.org/officeDocument/2006/relationships/image" Target="../media/image47.png"/><Relationship Id="rId5" Type="http://schemas.openxmlformats.org/officeDocument/2006/relationships/customXml" Target="../ink/ink6.xml"/><Relationship Id="rId4" Type="http://schemas.openxmlformats.org/officeDocument/2006/relationships/image" Target="../media/image38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svg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36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3.xml"/><Relationship Id="rId6" Type="http://schemas.openxmlformats.org/officeDocument/2006/relationships/image" Target="../media/image35.svg"/><Relationship Id="rId5" Type="http://schemas.openxmlformats.org/officeDocument/2006/relationships/image" Target="../media/image34.png"/><Relationship Id="rId4" Type="http://schemas.openxmlformats.org/officeDocument/2006/relationships/image" Target="../media/image48.png"/><Relationship Id="rId9" Type="http://schemas.openxmlformats.org/officeDocument/2006/relationships/image" Target="../media/image45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svg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36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4.xml"/><Relationship Id="rId6" Type="http://schemas.openxmlformats.org/officeDocument/2006/relationships/image" Target="../media/image35.svg"/><Relationship Id="rId5" Type="http://schemas.openxmlformats.org/officeDocument/2006/relationships/image" Target="../media/image34.png"/><Relationship Id="rId4" Type="http://schemas.openxmlformats.org/officeDocument/2006/relationships/image" Target="../media/image49.png"/><Relationship Id="rId9" Type="http://schemas.openxmlformats.org/officeDocument/2006/relationships/image" Target="../media/image45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58.xml"/><Relationship Id="rId1" Type="http://schemas.openxmlformats.org/officeDocument/2006/relationships/tags" Target="../tags/tag16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png"/><Relationship Id="rId3" Type="http://schemas.openxmlformats.org/officeDocument/2006/relationships/notesSlide" Target="../notesSlides/notesSlide2.xml"/><Relationship Id="rId7" Type="http://schemas.openxmlformats.org/officeDocument/2006/relationships/slide" Target="slide3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3.xml"/><Relationship Id="rId6" Type="http://schemas.openxmlformats.org/officeDocument/2006/relationships/image" Target="../media/image35.svg"/><Relationship Id="rId11" Type="http://schemas.openxmlformats.org/officeDocument/2006/relationships/slide" Target="slide5.xml"/><Relationship Id="rId5" Type="http://schemas.openxmlformats.org/officeDocument/2006/relationships/image" Target="../media/image34.png"/><Relationship Id="rId10" Type="http://schemas.openxmlformats.org/officeDocument/2006/relationships/slide" Target="slide4.xml"/><Relationship Id="rId4" Type="http://schemas.openxmlformats.org/officeDocument/2006/relationships/image" Target="../media/image33.png"/><Relationship Id="rId9" Type="http://schemas.openxmlformats.org/officeDocument/2006/relationships/image" Target="../media/image37.sv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0.png"/><Relationship Id="rId13" Type="http://schemas.openxmlformats.org/officeDocument/2006/relationships/slide" Target="slide2.xml"/><Relationship Id="rId3" Type="http://schemas.openxmlformats.org/officeDocument/2006/relationships/notesSlide" Target="../notesSlides/notesSlide3.xml"/><Relationship Id="rId7" Type="http://schemas.openxmlformats.org/officeDocument/2006/relationships/customXml" Target="../ink/ink2.xml"/><Relationship Id="rId12" Type="http://schemas.openxmlformats.org/officeDocument/2006/relationships/image" Target="../media/image42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4.xml"/><Relationship Id="rId6" Type="http://schemas.openxmlformats.org/officeDocument/2006/relationships/image" Target="../media/image39.png"/><Relationship Id="rId11" Type="http://schemas.openxmlformats.org/officeDocument/2006/relationships/customXml" Target="../ink/ink4.xml"/><Relationship Id="rId5" Type="http://schemas.openxmlformats.org/officeDocument/2006/relationships/customXml" Target="../ink/ink1.xml"/><Relationship Id="rId10" Type="http://schemas.openxmlformats.org/officeDocument/2006/relationships/image" Target="../media/image41.png"/><Relationship Id="rId4" Type="http://schemas.openxmlformats.org/officeDocument/2006/relationships/image" Target="../media/image38.png"/><Relationship Id="rId9" Type="http://schemas.openxmlformats.org/officeDocument/2006/relationships/customXml" Target="../ink/ink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5.xml"/><Relationship Id="rId5" Type="http://schemas.openxmlformats.org/officeDocument/2006/relationships/slide" Target="slide2.xml"/><Relationship Id="rId4" Type="http://schemas.openxmlformats.org/officeDocument/2006/relationships/image" Target="../media/image38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6.xml"/><Relationship Id="rId5" Type="http://schemas.openxmlformats.org/officeDocument/2006/relationships/slide" Target="slide2.xml"/><Relationship Id="rId4" Type="http://schemas.openxmlformats.org/officeDocument/2006/relationships/image" Target="../media/image43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png"/><Relationship Id="rId3" Type="http://schemas.openxmlformats.org/officeDocument/2006/relationships/notesSlide" Target="../notesSlides/notesSlide6.xml"/><Relationship Id="rId7" Type="http://schemas.openxmlformats.org/officeDocument/2006/relationships/slide" Target="slide7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7.xml"/><Relationship Id="rId6" Type="http://schemas.openxmlformats.org/officeDocument/2006/relationships/image" Target="../media/image35.svg"/><Relationship Id="rId5" Type="http://schemas.openxmlformats.org/officeDocument/2006/relationships/image" Target="../media/image34.png"/><Relationship Id="rId4" Type="http://schemas.openxmlformats.org/officeDocument/2006/relationships/image" Target="../media/image44.jpeg"/><Relationship Id="rId9" Type="http://schemas.openxmlformats.org/officeDocument/2006/relationships/image" Target="../media/image37.sv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8.xml"/><Relationship Id="rId5" Type="http://schemas.openxmlformats.org/officeDocument/2006/relationships/slide" Target="slide6.xml"/><Relationship Id="rId4" Type="http://schemas.openxmlformats.org/officeDocument/2006/relationships/image" Target="../media/image38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png"/><Relationship Id="rId3" Type="http://schemas.openxmlformats.org/officeDocument/2006/relationships/notesSlide" Target="../notesSlides/notesSlide8.xml"/><Relationship Id="rId7" Type="http://schemas.openxmlformats.org/officeDocument/2006/relationships/slide" Target="slide9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9.xml"/><Relationship Id="rId6" Type="http://schemas.openxmlformats.org/officeDocument/2006/relationships/image" Target="../media/image35.svg"/><Relationship Id="rId5" Type="http://schemas.openxmlformats.org/officeDocument/2006/relationships/image" Target="../media/image34.png"/><Relationship Id="rId4" Type="http://schemas.openxmlformats.org/officeDocument/2006/relationships/image" Target="../media/image33.png"/><Relationship Id="rId9" Type="http://schemas.openxmlformats.org/officeDocument/2006/relationships/image" Target="../media/image37.sv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33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0.xml"/><Relationship Id="rId6" Type="http://schemas.openxmlformats.org/officeDocument/2006/relationships/image" Target="../media/image46.png"/><Relationship Id="rId5" Type="http://schemas.openxmlformats.org/officeDocument/2006/relationships/customXml" Target="../ink/ink5.xml"/><Relationship Id="rId4" Type="http://schemas.openxmlformats.org/officeDocument/2006/relationships/image" Target="../media/image4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81">
            <a:extLst>
              <a:ext uri="{FF2B5EF4-FFF2-40B4-BE49-F238E27FC236}">
                <a16:creationId xmlns:a16="http://schemas.microsoft.com/office/drawing/2014/main" id="{4691856A-95CB-E1EF-011A-3777260FD28C}"/>
              </a:ext>
            </a:extLst>
          </p:cNvPr>
          <p:cNvSpPr txBox="1"/>
          <p:nvPr/>
        </p:nvSpPr>
        <p:spPr>
          <a:xfrm>
            <a:off x="8791055" y="1431738"/>
            <a:ext cx="3068090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sz="3600" b="1" spc="73" dirty="0">
                <a:solidFill>
                  <a:srgbClr val="FFFFFF"/>
                </a:solidFill>
                <a:latin typeface="Calibri"/>
                <a:cs typeface="Calibri"/>
              </a:rPr>
              <a:t>Post-</a:t>
            </a:r>
            <a:r>
              <a:rPr sz="3600" b="1" spc="64" dirty="0">
                <a:solidFill>
                  <a:srgbClr val="FFFFFF"/>
                </a:solidFill>
                <a:latin typeface="Calibri"/>
                <a:cs typeface="Calibri"/>
              </a:rPr>
              <a:t>reading</a:t>
            </a:r>
            <a:endParaRPr sz="3600" dirty="0">
              <a:latin typeface="Calibri"/>
              <a:cs typeface="Calibri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E193CB6A-055C-FE34-04BF-A07EF5696394}"/>
              </a:ext>
            </a:extLst>
          </p:cNvPr>
          <p:cNvSpPr txBox="1"/>
          <p:nvPr/>
        </p:nvSpPr>
        <p:spPr>
          <a:xfrm>
            <a:off x="2787316" y="3666506"/>
            <a:ext cx="6617368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t the zoo</a:t>
            </a:r>
          </a:p>
        </p:txBody>
      </p:sp>
      <p:sp>
        <p:nvSpPr>
          <p:cNvPr id="3" name="TextBox 3">
            <a:extLst>
              <a:ext uri="{FF2B5EF4-FFF2-40B4-BE49-F238E27FC236}">
                <a16:creationId xmlns:a16="http://schemas.microsoft.com/office/drawing/2014/main" id="{C471BBC7-B9AA-B352-2850-F872362C626B}"/>
              </a:ext>
            </a:extLst>
          </p:cNvPr>
          <p:cNvSpPr txBox="1"/>
          <p:nvPr/>
        </p:nvSpPr>
        <p:spPr>
          <a:xfrm>
            <a:off x="9144000" y="469072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4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9403564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36DB6A6-3724-45AF-8376-0F48714A20B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058B9484-3B8B-9931-436E-7DF3750447A0}"/>
              </a:ext>
            </a:extLst>
          </p:cNvPr>
          <p:cNvSpPr txBox="1"/>
          <p:nvPr/>
        </p:nvSpPr>
        <p:spPr>
          <a:xfrm>
            <a:off x="424922" y="1265918"/>
            <a:ext cx="8029762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</a:rPr>
              <a:t>Answer the question in a complete sentence.</a:t>
            </a:r>
            <a:endParaRPr lang="en-HK" sz="2800" b="1" dirty="0">
              <a:solidFill>
                <a:srgbClr val="0E4194"/>
              </a:solidFill>
              <a:latin typeface="Century Gothic" panose="020B050202020202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FF9D480F-0F78-48C4-CEFD-95F6AB621B1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625" t="63353" r="8998" b="29129"/>
          <a:stretch/>
        </p:blipFill>
        <p:spPr>
          <a:xfrm>
            <a:off x="142410" y="1890863"/>
            <a:ext cx="11714310" cy="1461938"/>
          </a:xfrm>
          <a:prstGeom prst="rect">
            <a:avLst/>
          </a:prstGeom>
        </p:spPr>
      </p:pic>
      <p:sp>
        <p:nvSpPr>
          <p:cNvPr id="7" name="TextBox 14">
            <a:extLst>
              <a:ext uri="{FF2B5EF4-FFF2-40B4-BE49-F238E27FC236}">
                <a16:creationId xmlns:a16="http://schemas.microsoft.com/office/drawing/2014/main" id="{7ED1C1F3-EDC0-1BC8-5917-CC1B4AE18415}"/>
              </a:ext>
            </a:extLst>
          </p:cNvPr>
          <p:cNvSpPr txBox="1"/>
          <p:nvPr/>
        </p:nvSpPr>
        <p:spPr>
          <a:xfrm>
            <a:off x="5252094" y="2443256"/>
            <a:ext cx="5050146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hind the big elephant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FAA4C797-80FC-16E1-D7F5-7E5921C526E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27808" y="2583727"/>
            <a:ext cx="508016" cy="526160"/>
          </a:xfrm>
          <a:prstGeom prst="rect">
            <a:avLst/>
          </a:prstGeom>
        </p:spPr>
      </p:pic>
      <p:pic>
        <p:nvPicPr>
          <p:cNvPr id="3" name="Picture 2">
            <a:hlinkClick r:id="rId7" action="ppaction://hlinksldjump"/>
            <a:extLst>
              <a:ext uri="{FF2B5EF4-FFF2-40B4-BE49-F238E27FC236}">
                <a16:creationId xmlns:a16="http://schemas.microsoft.com/office/drawing/2014/main" id="{BEB99A0D-8BF3-2D67-F232-1D7F5315BCAC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418837" y="3211612"/>
            <a:ext cx="530352" cy="51206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032190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7742FFB6-B4F8-21EB-88B8-EF868049906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 descr="A page of a book&#10;&#10;AI-generated content may be incorrect.">
            <a:extLst>
              <a:ext uri="{FF2B5EF4-FFF2-40B4-BE49-F238E27FC236}">
                <a16:creationId xmlns:a16="http://schemas.microsoft.com/office/drawing/2014/main" id="{2DBFE5A3-8468-7763-DE8B-4A1F4185B8D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410" t="15843" r="10394" b="47111"/>
          <a:stretch/>
        </p:blipFill>
        <p:spPr>
          <a:xfrm>
            <a:off x="2149392" y="811075"/>
            <a:ext cx="8222133" cy="5322150"/>
          </a:xfrm>
          <a:prstGeom prst="rect">
            <a:avLst/>
          </a:prstGeom>
        </p:spPr>
      </p:pic>
      <p:cxnSp>
        <p:nvCxnSpPr>
          <p:cNvPr id="25" name="Straight Connector 24">
            <a:extLst>
              <a:ext uri="{FF2B5EF4-FFF2-40B4-BE49-F238E27FC236}">
                <a16:creationId xmlns:a16="http://schemas.microsoft.com/office/drawing/2014/main" id="{881DAA3F-CF2E-34C8-B6FB-D233F0F0A94D}"/>
              </a:ext>
            </a:extLst>
          </p:cNvPr>
          <p:cNvCxnSpPr>
            <a:cxnSpLocks/>
          </p:cNvCxnSpPr>
          <p:nvPr/>
        </p:nvCxnSpPr>
        <p:spPr>
          <a:xfrm>
            <a:off x="3715629" y="5554366"/>
            <a:ext cx="3536071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2" name="Straight Connector 1">
            <a:extLst>
              <a:ext uri="{FF2B5EF4-FFF2-40B4-BE49-F238E27FC236}">
                <a16:creationId xmlns:a16="http://schemas.microsoft.com/office/drawing/2014/main" id="{D452D7A9-3710-5513-E479-4D7005CB978A}"/>
              </a:ext>
            </a:extLst>
          </p:cNvPr>
          <p:cNvCxnSpPr>
            <a:cxnSpLocks/>
          </p:cNvCxnSpPr>
          <p:nvPr/>
        </p:nvCxnSpPr>
        <p:spPr>
          <a:xfrm>
            <a:off x="2919762" y="5859168"/>
            <a:ext cx="1195038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9" name="Ink 8">
                <a:extLst>
                  <a:ext uri="{FF2B5EF4-FFF2-40B4-BE49-F238E27FC236}">
                    <a16:creationId xmlns:a16="http://schemas.microsoft.com/office/drawing/2014/main" id="{F12C0EA2-2280-0836-9104-B9FDE3D83359}"/>
                  </a:ext>
                </a:extLst>
              </p14:cNvPr>
              <p14:cNvContentPartPr/>
              <p14:nvPr/>
            </p14:nvContentPartPr>
            <p14:xfrm>
              <a:off x="2752080" y="2316200"/>
              <a:ext cx="438840" cy="327240"/>
            </p14:xfrm>
          </p:contentPart>
        </mc:Choice>
        <mc:Fallback>
          <p:pic>
            <p:nvPicPr>
              <p:cNvPr id="9" name="Ink 8">
                <a:extLst>
                  <a:ext uri="{FF2B5EF4-FFF2-40B4-BE49-F238E27FC236}">
                    <a16:creationId xmlns:a16="http://schemas.microsoft.com/office/drawing/2014/main" id="{F12C0EA2-2280-0836-9104-B9FDE3D83359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2745960" y="2310080"/>
                <a:ext cx="451080" cy="339480"/>
              </a:xfrm>
              <a:prstGeom prst="rect">
                <a:avLst/>
              </a:prstGeom>
            </p:spPr>
          </p:pic>
        </mc:Fallback>
      </mc:AlternateContent>
      <p:sp>
        <p:nvSpPr>
          <p:cNvPr id="3" name="Rectangle: Rounded Corners 2">
            <a:hlinkClick r:id="rId7" action="ppaction://hlinksldjump"/>
            <a:extLst>
              <a:ext uri="{FF2B5EF4-FFF2-40B4-BE49-F238E27FC236}">
                <a16:creationId xmlns:a16="http://schemas.microsoft.com/office/drawing/2014/main" id="{B624D58B-C36C-C451-7847-8A239320CF99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4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655731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F17804F-FA4B-7B1E-E7D1-F70BC858049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0E45F3A5-B666-AD84-4BB8-4E6B2E297BF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237" b="5237"/>
          <a:stretch/>
        </p:blipFill>
        <p:spPr>
          <a:xfrm>
            <a:off x="418837" y="1801482"/>
            <a:ext cx="11714310" cy="1308405"/>
          </a:xfrm>
          <a:prstGeom prst="rect">
            <a:avLst/>
          </a:prstGeom>
        </p:spPr>
      </p:pic>
      <p:sp>
        <p:nvSpPr>
          <p:cNvPr id="7" name="TextBox 14">
            <a:extLst>
              <a:ext uri="{FF2B5EF4-FFF2-40B4-BE49-F238E27FC236}">
                <a16:creationId xmlns:a16="http://schemas.microsoft.com/office/drawing/2014/main" id="{586A4A10-B158-C7F4-165C-33C06B0B184B}"/>
              </a:ext>
            </a:extLst>
          </p:cNvPr>
          <p:cNvSpPr txBox="1"/>
          <p:nvPr/>
        </p:nvSpPr>
        <p:spPr>
          <a:xfrm>
            <a:off x="6580482" y="2291339"/>
            <a:ext cx="5050146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s Ling Ling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0193984-EC1E-3647-9204-4DAD3FC7E33F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27808" y="2583727"/>
            <a:ext cx="508016" cy="52616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82BD5857-49B9-A94A-0032-29DDBEA88728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/>
        </p:blipFill>
        <p:spPr>
          <a:xfrm>
            <a:off x="418837" y="3201987"/>
            <a:ext cx="530352" cy="512064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ABD3FCB1-8893-67D2-C2CE-5F4FA0B392CA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834" t="458" r="281" b="1"/>
          <a:stretch>
            <a:fillRect/>
          </a:stretch>
        </p:blipFill>
        <p:spPr>
          <a:xfrm>
            <a:off x="2280492" y="3352800"/>
            <a:ext cx="4880472" cy="3210560"/>
          </a:xfrm>
          <a:prstGeom prst="rect">
            <a:avLst/>
          </a:prstGeom>
          <a:ln>
            <a:noFill/>
          </a:ln>
          <a:effectLst/>
        </p:spPr>
      </p:pic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FD7BB3C5-1F27-2116-D237-9B95056A3522}"/>
              </a:ext>
            </a:extLst>
          </p:cNvPr>
          <p:cNvCxnSpPr>
            <a:cxnSpLocks/>
          </p:cNvCxnSpPr>
          <p:nvPr/>
        </p:nvCxnSpPr>
        <p:spPr>
          <a:xfrm>
            <a:off x="4713304" y="5359660"/>
            <a:ext cx="2179583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0" name="Straight Connector 9">
            <a:extLst>
              <a:ext uri="{FF2B5EF4-FFF2-40B4-BE49-F238E27FC236}">
                <a16:creationId xmlns:a16="http://schemas.microsoft.com/office/drawing/2014/main" id="{58B7BD59-C0F3-7FDA-AA0B-133F59EFD8FB}"/>
              </a:ext>
            </a:extLst>
          </p:cNvPr>
          <p:cNvCxnSpPr>
            <a:cxnSpLocks/>
          </p:cNvCxnSpPr>
          <p:nvPr/>
        </p:nvCxnSpPr>
        <p:spPr>
          <a:xfrm>
            <a:off x="2470221" y="5689860"/>
            <a:ext cx="482299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1E6EA666-5F2C-E85A-BAF6-5831A23DB666}"/>
              </a:ext>
            </a:extLst>
          </p:cNvPr>
          <p:cNvSpPr txBox="1"/>
          <p:nvPr/>
        </p:nvSpPr>
        <p:spPr>
          <a:xfrm>
            <a:off x="424922" y="1265918"/>
            <a:ext cx="8029762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</a:rPr>
              <a:t>Answer the question in a complete sentence.</a:t>
            </a:r>
            <a:endParaRPr lang="en-HK" sz="2800" b="1" dirty="0">
              <a:solidFill>
                <a:srgbClr val="0E4194"/>
              </a:solidFill>
              <a:latin typeface="Century Gothic" panose="020B0502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071407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8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377CBD2-7702-ABC3-6EE2-CB2F840BB87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E20FD257-0B74-6C12-00AE-AF3B99F54BE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816" b="8816"/>
          <a:stretch/>
        </p:blipFill>
        <p:spPr>
          <a:xfrm>
            <a:off x="394957" y="1983954"/>
            <a:ext cx="9753882" cy="1174030"/>
          </a:xfrm>
          <a:prstGeom prst="rect">
            <a:avLst/>
          </a:prstGeom>
        </p:spPr>
      </p:pic>
      <p:sp>
        <p:nvSpPr>
          <p:cNvPr id="7" name="TextBox 14">
            <a:extLst>
              <a:ext uri="{FF2B5EF4-FFF2-40B4-BE49-F238E27FC236}">
                <a16:creationId xmlns:a16="http://schemas.microsoft.com/office/drawing/2014/main" id="{6F2F0170-5B7D-C597-0E44-4B3309DBF592}"/>
              </a:ext>
            </a:extLst>
          </p:cNvPr>
          <p:cNvSpPr txBox="1"/>
          <p:nvPr/>
        </p:nvSpPr>
        <p:spPr>
          <a:xfrm>
            <a:off x="2716658" y="2456961"/>
            <a:ext cx="5207000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leep a lot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DA9DC49D-9D76-7F4D-0E67-9FD80592568D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58630" y="2624823"/>
            <a:ext cx="508016" cy="52616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5FF7CBB7-AD3C-D3D1-C5D1-0A9DBAC910C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/>
        </p:blipFill>
        <p:spPr>
          <a:xfrm>
            <a:off x="449659" y="3281583"/>
            <a:ext cx="530352" cy="512064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7EFDD4B-DA56-DDA5-BF95-44CD8B1784E1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230" r="-409"/>
          <a:stretch>
            <a:fillRect/>
          </a:stretch>
        </p:blipFill>
        <p:spPr>
          <a:xfrm>
            <a:off x="2379644" y="3352800"/>
            <a:ext cx="4814370" cy="3210560"/>
          </a:xfrm>
          <a:prstGeom prst="rect">
            <a:avLst/>
          </a:prstGeom>
          <a:ln>
            <a:noFill/>
          </a:ln>
          <a:effectLst/>
        </p:spPr>
      </p:pic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39EE055F-3658-6D2E-0AB6-B70A0003FA74}"/>
              </a:ext>
            </a:extLst>
          </p:cNvPr>
          <p:cNvCxnSpPr>
            <a:cxnSpLocks/>
          </p:cNvCxnSpPr>
          <p:nvPr/>
        </p:nvCxnSpPr>
        <p:spPr>
          <a:xfrm>
            <a:off x="5852938" y="5667520"/>
            <a:ext cx="779216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D29BD4E5-940D-ECF4-3C38-FEB829A7F177}"/>
              </a:ext>
            </a:extLst>
          </p:cNvPr>
          <p:cNvSpPr txBox="1"/>
          <p:nvPr/>
        </p:nvSpPr>
        <p:spPr>
          <a:xfrm>
            <a:off x="424922" y="1265918"/>
            <a:ext cx="8029762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</a:rPr>
              <a:t>Answer the question in a complete sentence.</a:t>
            </a:r>
            <a:endParaRPr lang="en-HK" sz="2800" b="1" dirty="0">
              <a:solidFill>
                <a:srgbClr val="0E4194"/>
              </a:solidFill>
              <a:latin typeface="Century Gothic" panose="020B0502020202020204" pitchFamily="34" charset="0"/>
            </a:endParaRPr>
          </a:p>
        </p:txBody>
      </p: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50B20990-7943-098D-107F-7664C7B6F2FC}"/>
              </a:ext>
            </a:extLst>
          </p:cNvPr>
          <p:cNvCxnSpPr>
            <a:cxnSpLocks/>
          </p:cNvCxnSpPr>
          <p:nvPr/>
        </p:nvCxnSpPr>
        <p:spPr>
          <a:xfrm>
            <a:off x="2468924" y="6073308"/>
            <a:ext cx="2323413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9192038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681921942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>
            <a:extLst>
              <a:ext uri="{FF2B5EF4-FFF2-40B4-BE49-F238E27FC236}">
                <a16:creationId xmlns:a16="http://schemas.microsoft.com/office/drawing/2014/main" id="{B0B883D7-90A2-40BA-9DFE-88AF3DAF86D6}"/>
              </a:ext>
            </a:extLst>
          </p:cNvPr>
          <p:cNvSpPr txBox="1"/>
          <p:nvPr/>
        </p:nvSpPr>
        <p:spPr>
          <a:xfrm>
            <a:off x="676017" y="628301"/>
            <a:ext cx="10839965" cy="116955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1400" b="1" dirty="0"/>
              <a:t>Acknowledgements</a:t>
            </a:r>
            <a:endParaRPr lang="en-HK" sz="1400" dirty="0"/>
          </a:p>
          <a:p>
            <a:r>
              <a:rPr lang="en-HK" sz="1400" dirty="0"/>
              <a:t>We would like to thank the following organisations and people for permission to use their images:</a:t>
            </a:r>
          </a:p>
          <a:p>
            <a:endParaRPr lang="en-HK" sz="1400" dirty="0"/>
          </a:p>
          <a:p>
            <a:r>
              <a:rPr lang="en-HK" sz="1400" dirty="0"/>
              <a:t>Meraupindo / Shutterstock</a:t>
            </a:r>
          </a:p>
          <a:p>
            <a:endParaRPr lang="en-HK" sz="1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0478949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>
            <a:extLst>
              <a:ext uri="{FF2B5EF4-FFF2-40B4-BE49-F238E27FC236}">
                <a16:creationId xmlns:a16="http://schemas.microsoft.com/office/drawing/2014/main" id="{323128AF-D8DD-1A3B-77E8-55C7846F8CC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572" t="11149" r="9051" b="74118"/>
          <a:stretch/>
        </p:blipFill>
        <p:spPr>
          <a:xfrm>
            <a:off x="142410" y="1819174"/>
            <a:ext cx="11714310" cy="2864585"/>
          </a:xfrm>
          <a:prstGeom prst="rect">
            <a:avLst/>
          </a:prstGeom>
        </p:spPr>
      </p:pic>
      <p:sp>
        <p:nvSpPr>
          <p:cNvPr id="7" name="TextBox 14">
            <a:extLst>
              <a:ext uri="{FF2B5EF4-FFF2-40B4-BE49-F238E27FC236}">
                <a16:creationId xmlns:a16="http://schemas.microsoft.com/office/drawing/2014/main" id="{8ABA6D39-7961-652E-C1C9-D5494D4E31C2}"/>
              </a:ext>
            </a:extLst>
          </p:cNvPr>
          <p:cNvSpPr txBox="1"/>
          <p:nvPr/>
        </p:nvSpPr>
        <p:spPr>
          <a:xfrm>
            <a:off x="3464626" y="3797118"/>
            <a:ext cx="669420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11</a:t>
            </a:r>
          </a:p>
        </p:txBody>
      </p:sp>
      <p:sp>
        <p:nvSpPr>
          <p:cNvPr id="8" name="TextBox 46">
            <a:extLst>
              <a:ext uri="{FF2B5EF4-FFF2-40B4-BE49-F238E27FC236}">
                <a16:creationId xmlns:a16="http://schemas.microsoft.com/office/drawing/2014/main" id="{9E86C745-5365-B2D5-0D96-98CF4813004A}"/>
              </a:ext>
            </a:extLst>
          </p:cNvPr>
          <p:cNvSpPr txBox="1"/>
          <p:nvPr/>
        </p:nvSpPr>
        <p:spPr>
          <a:xfrm>
            <a:off x="6757541" y="3812582"/>
            <a:ext cx="669420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14</a:t>
            </a:r>
          </a:p>
        </p:txBody>
      </p:sp>
      <p:sp>
        <p:nvSpPr>
          <p:cNvPr id="9" name="TextBox 14">
            <a:extLst>
              <a:ext uri="{FF2B5EF4-FFF2-40B4-BE49-F238E27FC236}">
                <a16:creationId xmlns:a16="http://schemas.microsoft.com/office/drawing/2014/main" id="{08954532-97BA-2C52-4DA0-DA78FE93D7E6}"/>
              </a:ext>
            </a:extLst>
          </p:cNvPr>
          <p:cNvSpPr txBox="1"/>
          <p:nvPr/>
        </p:nvSpPr>
        <p:spPr>
          <a:xfrm>
            <a:off x="10050456" y="3797118"/>
            <a:ext cx="732211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3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B8A1D7A-278D-4DD9-19C0-ACB017CF591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27808" y="2565857"/>
            <a:ext cx="508016" cy="52616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47F75E6E-3BE7-7179-1230-7A1804A7E0E3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3880038" y="2544414"/>
            <a:ext cx="508016" cy="52616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24146D9-93A4-7B3B-8D6F-82FDB40DC977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7332268" y="2559878"/>
            <a:ext cx="508016" cy="526160"/>
          </a:xfrm>
          <a:prstGeom prst="rect">
            <a:avLst/>
          </a:prstGeom>
        </p:spPr>
      </p:pic>
      <p:pic>
        <p:nvPicPr>
          <p:cNvPr id="5" name="Picture 4">
            <a:hlinkClick r:id="rId7" action="ppaction://hlinksldjump"/>
            <a:extLst>
              <a:ext uri="{FF2B5EF4-FFF2-40B4-BE49-F238E27FC236}">
                <a16:creationId xmlns:a16="http://schemas.microsoft.com/office/drawing/2014/main" id="{02A8E4F5-69E2-325E-41A5-52B4B4EDE99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424922" y="3188932"/>
            <a:ext cx="530352" cy="512064"/>
          </a:xfrm>
          <a:prstGeom prst="rect">
            <a:avLst/>
          </a:prstGeom>
        </p:spPr>
      </p:pic>
      <p:pic>
        <p:nvPicPr>
          <p:cNvPr id="10" name="Picture 9">
            <a:hlinkClick r:id="rId10" action="ppaction://hlinksldjump"/>
            <a:extLst>
              <a:ext uri="{FF2B5EF4-FFF2-40B4-BE49-F238E27FC236}">
                <a16:creationId xmlns:a16="http://schemas.microsoft.com/office/drawing/2014/main" id="{56CF686B-1540-E60C-87D6-BFF7C37FEFAD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3877152" y="3139345"/>
            <a:ext cx="530352" cy="512064"/>
          </a:xfrm>
          <a:prstGeom prst="rect">
            <a:avLst/>
          </a:prstGeom>
        </p:spPr>
      </p:pic>
      <p:pic>
        <p:nvPicPr>
          <p:cNvPr id="11" name="Picture 10">
            <a:hlinkClick r:id="rId11" action="ppaction://hlinksldjump"/>
            <a:extLst>
              <a:ext uri="{FF2B5EF4-FFF2-40B4-BE49-F238E27FC236}">
                <a16:creationId xmlns:a16="http://schemas.microsoft.com/office/drawing/2014/main" id="{CC5B0486-A209-FF99-5A3D-75177CE2128C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7342446" y="3162637"/>
            <a:ext cx="530352" cy="512064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3CD6906C-042A-B75F-E253-10F5C320B1B6}"/>
              </a:ext>
            </a:extLst>
          </p:cNvPr>
          <p:cNvSpPr txBox="1"/>
          <p:nvPr/>
        </p:nvSpPr>
        <p:spPr>
          <a:xfrm>
            <a:off x="424922" y="1265918"/>
            <a:ext cx="8566769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</a:rPr>
              <a:t>Read the story again. Write the correct numbers.</a:t>
            </a:r>
            <a:endParaRPr lang="en-HK" sz="2800" b="1" dirty="0">
              <a:solidFill>
                <a:srgbClr val="0E4194"/>
              </a:solidFill>
              <a:latin typeface="Century Gothic" panose="020B0502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311114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  <p:bldLst>
      <p:bldP spid="7" grpId="0"/>
      <p:bldP spid="8" grpId="0"/>
      <p:bldP spid="9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6023ADA4-94E0-BF58-D1D2-A50933A57B7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 descr="A page of a book&#10;&#10;AI-generated content may be incorrect.">
            <a:extLst>
              <a:ext uri="{FF2B5EF4-FFF2-40B4-BE49-F238E27FC236}">
                <a16:creationId xmlns:a16="http://schemas.microsoft.com/office/drawing/2014/main" id="{E3D0D565-9ABB-452E-905C-729AFDC6E3B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410" t="15843" r="10394" b="47111"/>
          <a:stretch/>
        </p:blipFill>
        <p:spPr>
          <a:xfrm>
            <a:off x="993692" y="864299"/>
            <a:ext cx="8222133" cy="5322150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3F7599E3-05D7-E60F-F8EE-E1F37F4F13BC}"/>
              </a:ext>
            </a:extLst>
          </p:cNvPr>
          <p:cNvCxnSpPr>
            <a:cxnSpLocks/>
          </p:cNvCxnSpPr>
          <p:nvPr/>
        </p:nvCxnSpPr>
        <p:spPr>
          <a:xfrm>
            <a:off x="2646527" y="4483100"/>
            <a:ext cx="2458231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21" name="Ink 20">
                <a:extLst>
                  <a:ext uri="{FF2B5EF4-FFF2-40B4-BE49-F238E27FC236}">
                    <a16:creationId xmlns:a16="http://schemas.microsoft.com/office/drawing/2014/main" id="{2A50734D-6B5E-C621-3AB9-08465D39C0AF}"/>
                  </a:ext>
                </a:extLst>
              </p14:cNvPr>
              <p14:cNvContentPartPr/>
              <p14:nvPr/>
            </p14:nvContentPartPr>
            <p14:xfrm>
              <a:off x="5320580" y="1485260"/>
              <a:ext cx="2109600" cy="1563120"/>
            </p14:xfrm>
          </p:contentPart>
        </mc:Choice>
        <mc:Fallback>
          <p:pic>
            <p:nvPicPr>
              <p:cNvPr id="21" name="Ink 20">
                <a:extLst>
                  <a:ext uri="{FF2B5EF4-FFF2-40B4-BE49-F238E27FC236}">
                    <a16:creationId xmlns:a16="http://schemas.microsoft.com/office/drawing/2014/main" id="{2A50734D-6B5E-C621-3AB9-08465D39C0AF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5314460" y="1479140"/>
                <a:ext cx="2121840" cy="1575360"/>
              </a:xfrm>
              <a:prstGeom prst="rect">
                <a:avLst/>
              </a:prstGeom>
            </p:spPr>
          </p:pic>
        </mc:Fallback>
      </mc:AlternateContent>
      <p:cxnSp>
        <p:nvCxnSpPr>
          <p:cNvPr id="22" name="Straight Connector 21">
            <a:extLst>
              <a:ext uri="{FF2B5EF4-FFF2-40B4-BE49-F238E27FC236}">
                <a16:creationId xmlns:a16="http://schemas.microsoft.com/office/drawing/2014/main" id="{03302105-024A-6768-F921-82D634AB2219}"/>
              </a:ext>
            </a:extLst>
          </p:cNvPr>
          <p:cNvCxnSpPr>
            <a:cxnSpLocks/>
          </p:cNvCxnSpPr>
          <p:nvPr/>
        </p:nvCxnSpPr>
        <p:spPr>
          <a:xfrm>
            <a:off x="1801977" y="4813300"/>
            <a:ext cx="2458231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23" name="Ink 22">
                <a:extLst>
                  <a:ext uri="{FF2B5EF4-FFF2-40B4-BE49-F238E27FC236}">
                    <a16:creationId xmlns:a16="http://schemas.microsoft.com/office/drawing/2014/main" id="{B1625460-ED48-1191-CD06-9025EBDE67E0}"/>
                  </a:ext>
                </a:extLst>
              </p14:cNvPr>
              <p14:cNvContentPartPr/>
              <p14:nvPr/>
            </p14:nvContentPartPr>
            <p14:xfrm>
              <a:off x="1523660" y="2024540"/>
              <a:ext cx="2719080" cy="1380600"/>
            </p14:xfrm>
          </p:contentPart>
        </mc:Choice>
        <mc:Fallback>
          <p:pic>
            <p:nvPicPr>
              <p:cNvPr id="23" name="Ink 22">
                <a:extLst>
                  <a:ext uri="{FF2B5EF4-FFF2-40B4-BE49-F238E27FC236}">
                    <a16:creationId xmlns:a16="http://schemas.microsoft.com/office/drawing/2014/main" id="{B1625460-ED48-1191-CD06-9025EBDE67E0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1517540" y="2018420"/>
                <a:ext cx="2731320" cy="1392840"/>
              </a:xfrm>
              <a:prstGeom prst="rect">
                <a:avLst/>
              </a:prstGeom>
            </p:spPr>
          </p:pic>
        </mc:Fallback>
      </mc:AlternateContent>
      <p:cxnSp>
        <p:nvCxnSpPr>
          <p:cNvPr id="25" name="Straight Connector 24">
            <a:extLst>
              <a:ext uri="{FF2B5EF4-FFF2-40B4-BE49-F238E27FC236}">
                <a16:creationId xmlns:a16="http://schemas.microsoft.com/office/drawing/2014/main" id="{ABB640C8-8D7C-1989-00B6-539965F113EC}"/>
              </a:ext>
            </a:extLst>
          </p:cNvPr>
          <p:cNvCxnSpPr>
            <a:cxnSpLocks/>
          </p:cNvCxnSpPr>
          <p:nvPr/>
        </p:nvCxnSpPr>
        <p:spPr>
          <a:xfrm>
            <a:off x="1801977" y="5194300"/>
            <a:ext cx="3536071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30" name="Group 29">
            <a:extLst>
              <a:ext uri="{FF2B5EF4-FFF2-40B4-BE49-F238E27FC236}">
                <a16:creationId xmlns:a16="http://schemas.microsoft.com/office/drawing/2014/main" id="{7E5EE362-D2E5-F5D5-6E8C-FAD25238FB1F}"/>
              </a:ext>
            </a:extLst>
          </p:cNvPr>
          <p:cNvGrpSpPr/>
          <p:nvPr/>
        </p:nvGrpSpPr>
        <p:grpSpPr>
          <a:xfrm>
            <a:off x="1523300" y="1986740"/>
            <a:ext cx="2630520" cy="1417680"/>
            <a:chOff x="901000" y="1986740"/>
            <a:chExt cx="2630520" cy="1417680"/>
          </a:xfrm>
        </p:grpSpPr>
        <mc:AlternateContent xmlns:mc="http://schemas.openxmlformats.org/markup-compatibility/2006">
          <mc:Choice xmlns:p14="http://schemas.microsoft.com/office/powerpoint/2010/main" Requires="p14">
            <p:contentPart p14:bwMode="auto" r:id="rId9">
              <p14:nvContentPartPr>
                <p14:cNvPr id="28" name="Ink 27">
                  <a:extLst>
                    <a:ext uri="{FF2B5EF4-FFF2-40B4-BE49-F238E27FC236}">
                      <a16:creationId xmlns:a16="http://schemas.microsoft.com/office/drawing/2014/main" id="{0814ED45-7853-AB2E-A387-95353E5E44F9}"/>
                    </a:ext>
                  </a:extLst>
                </p14:cNvPr>
                <p14:cNvContentPartPr/>
                <p14:nvPr/>
              </p14:nvContentPartPr>
              <p14:xfrm>
                <a:off x="901000" y="1986740"/>
                <a:ext cx="2630520" cy="1417680"/>
              </p14:xfrm>
            </p:contentPart>
          </mc:Choice>
          <mc:Fallback>
            <p:pic>
              <p:nvPicPr>
                <p:cNvPr id="28" name="Ink 27">
                  <a:extLst>
                    <a:ext uri="{FF2B5EF4-FFF2-40B4-BE49-F238E27FC236}">
                      <a16:creationId xmlns:a16="http://schemas.microsoft.com/office/drawing/2014/main" id="{0814ED45-7853-AB2E-A387-95353E5E44F9}"/>
                    </a:ext>
                  </a:extLst>
                </p:cNvPr>
                <p:cNvPicPr/>
                <p:nvPr/>
              </p:nvPicPr>
              <p:blipFill>
                <a:blip r:embed="rId10"/>
                <a:stretch>
                  <a:fillRect/>
                </a:stretch>
              </p:blipFill>
              <p:spPr>
                <a:xfrm>
                  <a:off x="894880" y="1980622"/>
                  <a:ext cx="2642760" cy="1429917"/>
                </a:xfrm>
                <a:prstGeom prst="rect">
                  <a:avLst/>
                </a:prstGeom>
              </p:spPr>
            </p:pic>
          </mc:Fallback>
        </mc:AlternateContent>
        <mc:AlternateContent xmlns:mc="http://schemas.openxmlformats.org/markup-compatibility/2006">
          <mc:Choice xmlns:p14="http://schemas.microsoft.com/office/powerpoint/2010/main" Requires="p14">
            <p:contentPart p14:bwMode="auto" r:id="rId11">
              <p14:nvContentPartPr>
                <p14:cNvPr id="29" name="Ink 28">
                  <a:extLst>
                    <a:ext uri="{FF2B5EF4-FFF2-40B4-BE49-F238E27FC236}">
                      <a16:creationId xmlns:a16="http://schemas.microsoft.com/office/drawing/2014/main" id="{C2A2AF51-F189-C0DA-4B8E-CF26B6727E74}"/>
                    </a:ext>
                  </a:extLst>
                </p14:cNvPr>
                <p14:cNvContentPartPr/>
                <p14:nvPr/>
              </p14:nvContentPartPr>
              <p14:xfrm>
                <a:off x="1993960" y="2019140"/>
                <a:ext cx="360" cy="360"/>
              </p14:xfrm>
            </p:contentPart>
          </mc:Choice>
          <mc:Fallback>
            <p:pic>
              <p:nvPicPr>
                <p:cNvPr id="29" name="Ink 28">
                  <a:extLst>
                    <a:ext uri="{FF2B5EF4-FFF2-40B4-BE49-F238E27FC236}">
                      <a16:creationId xmlns:a16="http://schemas.microsoft.com/office/drawing/2014/main" id="{C2A2AF51-F189-C0DA-4B8E-CF26B6727E74}"/>
                    </a:ext>
                  </a:extLst>
                </p:cNvPr>
                <p:cNvPicPr/>
                <p:nvPr/>
              </p:nvPicPr>
              <p:blipFill>
                <a:blip r:embed="rId12"/>
                <a:stretch>
                  <a:fillRect/>
                </a:stretch>
              </p:blipFill>
              <p:spPr>
                <a:xfrm>
                  <a:off x="1987840" y="2013020"/>
                  <a:ext cx="12600" cy="12600"/>
                </a:xfrm>
                <a:prstGeom prst="rect">
                  <a:avLst/>
                </a:prstGeom>
              </p:spPr>
            </p:pic>
          </mc:Fallback>
        </mc:AlternateContent>
      </p:grpSp>
      <p:sp>
        <p:nvSpPr>
          <p:cNvPr id="32" name="TextBox 14">
            <a:extLst>
              <a:ext uri="{FF2B5EF4-FFF2-40B4-BE49-F238E27FC236}">
                <a16:creationId xmlns:a16="http://schemas.microsoft.com/office/drawing/2014/main" id="{FB435A55-A4C3-284C-73B5-ACFF90624540}"/>
              </a:ext>
            </a:extLst>
          </p:cNvPr>
          <p:cNvSpPr txBox="1"/>
          <p:nvPr/>
        </p:nvSpPr>
        <p:spPr>
          <a:xfrm>
            <a:off x="9439227" y="1229242"/>
            <a:ext cx="669420" cy="646331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6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4</a:t>
            </a:r>
          </a:p>
        </p:txBody>
      </p:sp>
      <p:sp>
        <p:nvSpPr>
          <p:cNvPr id="33" name="TextBox 14">
            <a:extLst>
              <a:ext uri="{FF2B5EF4-FFF2-40B4-BE49-F238E27FC236}">
                <a16:creationId xmlns:a16="http://schemas.microsoft.com/office/drawing/2014/main" id="{3E05360A-7F95-B641-D618-B88150B0E172}"/>
              </a:ext>
            </a:extLst>
          </p:cNvPr>
          <p:cNvSpPr txBox="1"/>
          <p:nvPr/>
        </p:nvSpPr>
        <p:spPr>
          <a:xfrm>
            <a:off x="9756369" y="1229242"/>
            <a:ext cx="1074591" cy="646331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6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+ 6</a:t>
            </a:r>
          </a:p>
        </p:txBody>
      </p:sp>
      <p:sp>
        <p:nvSpPr>
          <p:cNvPr id="34" name="TextBox 14">
            <a:extLst>
              <a:ext uri="{FF2B5EF4-FFF2-40B4-BE49-F238E27FC236}">
                <a16:creationId xmlns:a16="http://schemas.microsoft.com/office/drawing/2014/main" id="{0028FC53-0AFF-C920-CCA7-C48BB5D02E68}"/>
              </a:ext>
            </a:extLst>
          </p:cNvPr>
          <p:cNvSpPr txBox="1"/>
          <p:nvPr/>
        </p:nvSpPr>
        <p:spPr>
          <a:xfrm>
            <a:off x="10382585" y="1229242"/>
            <a:ext cx="1074591" cy="646331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6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= ?</a:t>
            </a:r>
          </a:p>
        </p:txBody>
      </p:sp>
      <p:sp>
        <p:nvSpPr>
          <p:cNvPr id="35" name="TextBox 14">
            <a:extLst>
              <a:ext uri="{FF2B5EF4-FFF2-40B4-BE49-F238E27FC236}">
                <a16:creationId xmlns:a16="http://schemas.microsoft.com/office/drawing/2014/main" id="{631E8DAF-1245-DB4A-D0B8-C7D761F7B8DF}"/>
              </a:ext>
            </a:extLst>
          </p:cNvPr>
          <p:cNvSpPr txBox="1"/>
          <p:nvPr/>
        </p:nvSpPr>
        <p:spPr>
          <a:xfrm>
            <a:off x="9756369" y="1229242"/>
            <a:ext cx="1074591" cy="646331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6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+ 7</a:t>
            </a:r>
          </a:p>
        </p:txBody>
      </p:sp>
      <p:sp>
        <p:nvSpPr>
          <p:cNvPr id="3" name="Rectangle: Rounded Corners 2">
            <a:hlinkClick r:id="rId13" action="ppaction://hlinksldjump"/>
            <a:extLst>
              <a:ext uri="{FF2B5EF4-FFF2-40B4-BE49-F238E27FC236}">
                <a16:creationId xmlns:a16="http://schemas.microsoft.com/office/drawing/2014/main" id="{EC8EFFC3-71AA-2B16-981D-AED8AC3C8247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1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695132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500"/>
                            </p:stCondLst>
                            <p:childTnLst>
                              <p:par>
                                <p:cTn id="41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/>
      <p:bldP spid="33" grpId="0"/>
      <p:bldP spid="33" grpId="1"/>
      <p:bldP spid="34" grpId="0"/>
      <p:bldP spid="35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E305A059-3FD8-27F3-E96E-966EFC245A9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 descr="A page of a book&#10;&#10;AI-generated content may be incorrect.">
            <a:extLst>
              <a:ext uri="{FF2B5EF4-FFF2-40B4-BE49-F238E27FC236}">
                <a16:creationId xmlns:a16="http://schemas.microsoft.com/office/drawing/2014/main" id="{FEE3B5B6-9019-BFF3-4AA5-3BF26E2C8C2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930" t="53682" r="10381" b="20510"/>
          <a:stretch/>
        </p:blipFill>
        <p:spPr>
          <a:xfrm>
            <a:off x="734824" y="864298"/>
            <a:ext cx="10282112" cy="4495102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43EC4856-0357-7DF7-4688-6126F7875FD0}"/>
              </a:ext>
            </a:extLst>
          </p:cNvPr>
          <p:cNvCxnSpPr>
            <a:cxnSpLocks/>
          </p:cNvCxnSpPr>
          <p:nvPr/>
        </p:nvCxnSpPr>
        <p:spPr>
          <a:xfrm>
            <a:off x="2633827" y="2514600"/>
            <a:ext cx="2001673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22" name="Straight Connector 21">
            <a:extLst>
              <a:ext uri="{FF2B5EF4-FFF2-40B4-BE49-F238E27FC236}">
                <a16:creationId xmlns:a16="http://schemas.microsoft.com/office/drawing/2014/main" id="{B99DF699-63D8-85F6-F6E9-7DF5D3CDD4D8}"/>
              </a:ext>
            </a:extLst>
          </p:cNvPr>
          <p:cNvCxnSpPr>
            <a:cxnSpLocks/>
          </p:cNvCxnSpPr>
          <p:nvPr/>
        </p:nvCxnSpPr>
        <p:spPr>
          <a:xfrm>
            <a:off x="2111939" y="2882900"/>
            <a:ext cx="1614783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70" name="Oval 169">
            <a:extLst>
              <a:ext uri="{FF2B5EF4-FFF2-40B4-BE49-F238E27FC236}">
                <a16:creationId xmlns:a16="http://schemas.microsoft.com/office/drawing/2014/main" id="{78B1766A-39A2-43CF-BF6F-48C7A7164B5F}"/>
              </a:ext>
            </a:extLst>
          </p:cNvPr>
          <p:cNvSpPr/>
          <p:nvPr/>
        </p:nvSpPr>
        <p:spPr>
          <a:xfrm>
            <a:off x="7346520" y="2804400"/>
            <a:ext cx="731520" cy="73152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142" name="Oval 141">
            <a:extLst>
              <a:ext uri="{FF2B5EF4-FFF2-40B4-BE49-F238E27FC236}">
                <a16:creationId xmlns:a16="http://schemas.microsoft.com/office/drawing/2014/main" id="{44907C15-FE25-4B16-AF70-5C04CDEE7541}"/>
              </a:ext>
            </a:extLst>
          </p:cNvPr>
          <p:cNvSpPr/>
          <p:nvPr/>
        </p:nvSpPr>
        <p:spPr>
          <a:xfrm>
            <a:off x="6310800" y="2723760"/>
            <a:ext cx="548640" cy="54864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132" name="Oval 131">
            <a:extLst>
              <a:ext uri="{FF2B5EF4-FFF2-40B4-BE49-F238E27FC236}">
                <a16:creationId xmlns:a16="http://schemas.microsoft.com/office/drawing/2014/main" id="{1E15068D-34F7-493A-AC3C-D2C12AA9275A}"/>
              </a:ext>
            </a:extLst>
          </p:cNvPr>
          <p:cNvSpPr/>
          <p:nvPr/>
        </p:nvSpPr>
        <p:spPr>
          <a:xfrm>
            <a:off x="7815132" y="2222919"/>
            <a:ext cx="548640" cy="54864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122" name="Oval 121">
            <a:extLst>
              <a:ext uri="{FF2B5EF4-FFF2-40B4-BE49-F238E27FC236}">
                <a16:creationId xmlns:a16="http://schemas.microsoft.com/office/drawing/2014/main" id="{D3351645-FE9C-4530-AE53-AA19B62F534E}"/>
              </a:ext>
            </a:extLst>
          </p:cNvPr>
          <p:cNvSpPr/>
          <p:nvPr/>
        </p:nvSpPr>
        <p:spPr>
          <a:xfrm>
            <a:off x="6874704" y="2377199"/>
            <a:ext cx="365760" cy="36576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112" name="Oval 111">
            <a:extLst>
              <a:ext uri="{FF2B5EF4-FFF2-40B4-BE49-F238E27FC236}">
                <a16:creationId xmlns:a16="http://schemas.microsoft.com/office/drawing/2014/main" id="{72E92324-63C2-45EF-BA5B-1439C4CEFBB9}"/>
              </a:ext>
            </a:extLst>
          </p:cNvPr>
          <p:cNvSpPr/>
          <p:nvPr/>
        </p:nvSpPr>
        <p:spPr>
          <a:xfrm>
            <a:off x="6261372" y="2359740"/>
            <a:ext cx="365760" cy="36576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102" name="Oval 101">
            <a:extLst>
              <a:ext uri="{FF2B5EF4-FFF2-40B4-BE49-F238E27FC236}">
                <a16:creationId xmlns:a16="http://schemas.microsoft.com/office/drawing/2014/main" id="{CEDB3EC6-AF9C-40B6-B3CF-F3FF3500F866}"/>
              </a:ext>
            </a:extLst>
          </p:cNvPr>
          <p:cNvSpPr/>
          <p:nvPr/>
        </p:nvSpPr>
        <p:spPr>
          <a:xfrm>
            <a:off x="9009794" y="1695641"/>
            <a:ext cx="365760" cy="36576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92" name="Oval 91">
            <a:extLst>
              <a:ext uri="{FF2B5EF4-FFF2-40B4-BE49-F238E27FC236}">
                <a16:creationId xmlns:a16="http://schemas.microsoft.com/office/drawing/2014/main" id="{8398A884-AB1B-4662-9391-4D0652A4396D}"/>
              </a:ext>
            </a:extLst>
          </p:cNvPr>
          <p:cNvSpPr/>
          <p:nvPr/>
        </p:nvSpPr>
        <p:spPr>
          <a:xfrm>
            <a:off x="8938440" y="2065680"/>
            <a:ext cx="548640" cy="54864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82" name="Oval 81">
            <a:extLst>
              <a:ext uri="{FF2B5EF4-FFF2-40B4-BE49-F238E27FC236}">
                <a16:creationId xmlns:a16="http://schemas.microsoft.com/office/drawing/2014/main" id="{58CB87D6-9949-44B2-AF27-30E2CC066E5D}"/>
              </a:ext>
            </a:extLst>
          </p:cNvPr>
          <p:cNvSpPr/>
          <p:nvPr/>
        </p:nvSpPr>
        <p:spPr>
          <a:xfrm>
            <a:off x="8498880" y="2144880"/>
            <a:ext cx="365760" cy="36576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69" name="Oval 68">
            <a:extLst>
              <a:ext uri="{FF2B5EF4-FFF2-40B4-BE49-F238E27FC236}">
                <a16:creationId xmlns:a16="http://schemas.microsoft.com/office/drawing/2014/main" id="{B270A8AE-07C2-4E66-ACDE-AF363024460D}"/>
              </a:ext>
            </a:extLst>
          </p:cNvPr>
          <p:cNvSpPr/>
          <p:nvPr/>
        </p:nvSpPr>
        <p:spPr>
          <a:xfrm>
            <a:off x="8673660" y="1582839"/>
            <a:ext cx="365760" cy="36576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59" name="Oval 58">
            <a:extLst>
              <a:ext uri="{FF2B5EF4-FFF2-40B4-BE49-F238E27FC236}">
                <a16:creationId xmlns:a16="http://schemas.microsoft.com/office/drawing/2014/main" id="{DF9CFCD6-8965-496F-B19D-4CF57FD91573}"/>
              </a:ext>
            </a:extLst>
          </p:cNvPr>
          <p:cNvSpPr/>
          <p:nvPr/>
        </p:nvSpPr>
        <p:spPr>
          <a:xfrm>
            <a:off x="7979760" y="1767600"/>
            <a:ext cx="441432" cy="432558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49" name="Oval 48">
            <a:extLst>
              <a:ext uri="{FF2B5EF4-FFF2-40B4-BE49-F238E27FC236}">
                <a16:creationId xmlns:a16="http://schemas.microsoft.com/office/drawing/2014/main" id="{13DE4D33-7D55-46B4-BD45-B0CF5024285D}"/>
              </a:ext>
            </a:extLst>
          </p:cNvPr>
          <p:cNvSpPr/>
          <p:nvPr/>
        </p:nvSpPr>
        <p:spPr>
          <a:xfrm>
            <a:off x="7335792" y="1929600"/>
            <a:ext cx="548640" cy="54864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34" name="Oval 33">
            <a:extLst>
              <a:ext uri="{FF2B5EF4-FFF2-40B4-BE49-F238E27FC236}">
                <a16:creationId xmlns:a16="http://schemas.microsoft.com/office/drawing/2014/main" id="{568116D6-7F6D-46FF-9310-46E6D7F540BA}"/>
              </a:ext>
            </a:extLst>
          </p:cNvPr>
          <p:cNvSpPr/>
          <p:nvPr/>
        </p:nvSpPr>
        <p:spPr>
          <a:xfrm>
            <a:off x="6708024" y="1674279"/>
            <a:ext cx="548640" cy="54864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10" name="Oval 9">
            <a:extLst>
              <a:ext uri="{FF2B5EF4-FFF2-40B4-BE49-F238E27FC236}">
                <a16:creationId xmlns:a16="http://schemas.microsoft.com/office/drawing/2014/main" id="{E7AE75A4-0B4A-47D3-9AEF-46BE3C891AC3}"/>
              </a:ext>
            </a:extLst>
          </p:cNvPr>
          <p:cNvSpPr/>
          <p:nvPr/>
        </p:nvSpPr>
        <p:spPr>
          <a:xfrm>
            <a:off x="6221520" y="1723320"/>
            <a:ext cx="365760" cy="36576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ja-JP" altLang="en-US">
              <a:solidFill>
                <a:srgbClr val="E71224"/>
              </a:solidFill>
            </a:endParaRPr>
          </a:p>
        </p:txBody>
      </p:sp>
      <p:sp>
        <p:nvSpPr>
          <p:cNvPr id="14" name="타원 13">
            <a:extLst>
              <a:ext uri="{FF2B5EF4-FFF2-40B4-BE49-F238E27FC236}">
                <a16:creationId xmlns:a16="http://schemas.microsoft.com/office/drawing/2014/main" id="{24C0D83A-4C0E-40FD-B712-CFC73A3EF01A}"/>
              </a:ext>
            </a:extLst>
          </p:cNvPr>
          <p:cNvSpPr/>
          <p:nvPr/>
        </p:nvSpPr>
        <p:spPr>
          <a:xfrm rot="1800000">
            <a:off x="6958800" y="2776680"/>
            <a:ext cx="365760" cy="365760"/>
          </a:xfrm>
          <a:prstGeom prst="ellipse">
            <a:avLst/>
          </a:prstGeom>
          <a:solidFill>
            <a:srgbClr val="E71224">
              <a:alpha val="5000"/>
            </a:srgbClr>
          </a:solidFill>
          <a:ln w="28575">
            <a:solidFill>
              <a:srgbClr val="E7122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rtlCol="0" anchor="ctr" anchorCtr="1"/>
          <a:lstStyle/>
          <a:p>
            <a:endParaRPr lang="en-US" dirty="0">
              <a:solidFill>
                <a:srgbClr val="E71224"/>
              </a:solidFill>
            </a:endParaRPr>
          </a:p>
        </p:txBody>
      </p:sp>
      <p:sp>
        <p:nvSpPr>
          <p:cNvPr id="2" name="Rectangle: Rounded Corners 1">
            <a:hlinkClick r:id="rId5" action="ppaction://hlinksldjump"/>
            <a:extLst>
              <a:ext uri="{FF2B5EF4-FFF2-40B4-BE49-F238E27FC236}">
                <a16:creationId xmlns:a16="http://schemas.microsoft.com/office/drawing/2014/main" id="{CCC7D6C6-3138-127F-19E8-DC3C2AEFC4AD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1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35752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000"/>
                            </p:stCondLst>
                            <p:childTnLst>
                              <p:par>
                                <p:cTn id="2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6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2500"/>
                            </p:stCondLst>
                            <p:childTnLst>
                              <p:par>
                                <p:cTn id="28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0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3000"/>
                            </p:stCondLst>
                            <p:childTnLst>
                              <p:par>
                                <p:cTn id="32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4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3500"/>
                            </p:stCondLst>
                            <p:childTnLst>
                              <p:par>
                                <p:cTn id="36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8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4000"/>
                            </p:stCondLst>
                            <p:childTnLst>
                              <p:par>
                                <p:cTn id="4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2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4500"/>
                            </p:stCondLst>
                            <p:childTnLst>
                              <p:par>
                                <p:cTn id="4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6" dur="50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0"/>
                            </p:stCondLst>
                            <p:childTnLst>
                              <p:par>
                                <p:cTn id="48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50" dur="500"/>
                                        <p:tgtEl>
                                          <p:spTgt spid="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500"/>
                            </p:stCondLst>
                            <p:childTnLst>
                              <p:par>
                                <p:cTn id="52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54" dur="500"/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6000"/>
                            </p:stCondLst>
                            <p:childTnLst>
                              <p:par>
                                <p:cTn id="56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58" dur="500"/>
                                        <p:tgtEl>
                                          <p:spTgt spid="1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6500"/>
                            </p:stCondLst>
                            <p:childTnLst>
                              <p:par>
                                <p:cTn id="6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6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7000"/>
                            </p:stCondLst>
                            <p:childTnLst>
                              <p:par>
                                <p:cTn id="6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66" dur="500"/>
                                        <p:tgtEl>
                                          <p:spTgt spid="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0" grpId="0" animBg="1"/>
      <p:bldP spid="142" grpId="0" animBg="1"/>
      <p:bldP spid="132" grpId="0" animBg="1"/>
      <p:bldP spid="122" grpId="0" animBg="1"/>
      <p:bldP spid="112" grpId="0" animBg="1"/>
      <p:bldP spid="102" grpId="0" animBg="1"/>
      <p:bldP spid="92" grpId="0" animBg="1"/>
      <p:bldP spid="82" grpId="0" animBg="1"/>
      <p:bldP spid="69" grpId="0" animBg="1"/>
      <p:bldP spid="59" grpId="0" animBg="1"/>
      <p:bldP spid="49" grpId="0" animBg="1"/>
      <p:bldP spid="34" grpId="0" animBg="1"/>
      <p:bldP spid="10" grpId="0" animBg="1"/>
      <p:bldP spid="14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2A5268D0-042F-32BC-4A9A-F87F7F01A1E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>
            <a:extLst>
              <a:ext uri="{FF2B5EF4-FFF2-40B4-BE49-F238E27FC236}">
                <a16:creationId xmlns:a16="http://schemas.microsoft.com/office/drawing/2014/main" id="{8129ACF2-83F7-844F-E47C-34560BD75BC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72" b="672"/>
          <a:stretch/>
        </p:blipFill>
        <p:spPr>
          <a:xfrm>
            <a:off x="843280" y="1241966"/>
            <a:ext cx="9895840" cy="4490908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767480B-74CA-B0B7-7CA6-1E10F0E99E7F}"/>
              </a:ext>
            </a:extLst>
          </p:cNvPr>
          <p:cNvCxnSpPr>
            <a:cxnSpLocks/>
          </p:cNvCxnSpPr>
          <p:nvPr/>
        </p:nvCxnSpPr>
        <p:spPr>
          <a:xfrm>
            <a:off x="5439578" y="2464534"/>
            <a:ext cx="4211197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2" name="Rectangle: Rounded Corners 1">
            <a:hlinkClick r:id="rId5" action="ppaction://hlinksldjump"/>
            <a:extLst>
              <a:ext uri="{FF2B5EF4-FFF2-40B4-BE49-F238E27FC236}">
                <a16:creationId xmlns:a16="http://schemas.microsoft.com/office/drawing/2014/main" id="{F22FC483-FAD9-018F-BF49-B011C3DF9FEE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1</a:t>
            </a:r>
            <a:endParaRPr lang="en-HK" b="1" dirty="0"/>
          </a:p>
        </p:txBody>
      </p:sp>
      <p:cxnSp>
        <p:nvCxnSpPr>
          <p:cNvPr id="4" name="Straight Connector 3">
            <a:extLst>
              <a:ext uri="{FF2B5EF4-FFF2-40B4-BE49-F238E27FC236}">
                <a16:creationId xmlns:a16="http://schemas.microsoft.com/office/drawing/2014/main" id="{AC7F043D-6F8A-2270-1FBA-FFF3EF98EF79}"/>
              </a:ext>
            </a:extLst>
          </p:cNvPr>
          <p:cNvCxnSpPr>
            <a:cxnSpLocks/>
          </p:cNvCxnSpPr>
          <p:nvPr/>
        </p:nvCxnSpPr>
        <p:spPr>
          <a:xfrm>
            <a:off x="5439578" y="2793204"/>
            <a:ext cx="520547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82808064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C07E307-ED89-9460-479B-FAFCF941433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>
            <a:extLst>
              <a:ext uri="{FF2B5EF4-FFF2-40B4-BE49-F238E27FC236}">
                <a16:creationId xmlns:a16="http://schemas.microsoft.com/office/drawing/2014/main" id="{EF82F946-AE20-8BE2-9171-D5FC6003D86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745" t="23704" r="-1745" b="59744"/>
          <a:stretch>
            <a:fillRect/>
          </a:stretch>
        </p:blipFill>
        <p:spPr>
          <a:xfrm>
            <a:off x="289644" y="1678865"/>
            <a:ext cx="11714310" cy="2737529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F7CC6CAE-B06F-1D3B-932E-77CF77D092D6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48828" y="2492287"/>
            <a:ext cx="508016" cy="526160"/>
          </a:xfrm>
          <a:prstGeom prst="rect">
            <a:avLst/>
          </a:prstGeom>
        </p:spPr>
      </p:pic>
      <p:pic>
        <p:nvPicPr>
          <p:cNvPr id="5" name="Picture 4">
            <a:hlinkClick r:id="rId7" action="ppaction://hlinksldjump"/>
            <a:extLst>
              <a:ext uri="{FF2B5EF4-FFF2-40B4-BE49-F238E27FC236}">
                <a16:creationId xmlns:a16="http://schemas.microsoft.com/office/drawing/2014/main" id="{1A0E000A-57D2-253F-1947-F155545EE75A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438087" y="3115362"/>
            <a:ext cx="530352" cy="512064"/>
          </a:xfrm>
          <a:prstGeom prst="rect">
            <a:avLst/>
          </a:prstGeom>
        </p:spPr>
      </p:pic>
      <p:sp>
        <p:nvSpPr>
          <p:cNvPr id="13" name="Oval 12">
            <a:extLst>
              <a:ext uri="{FF2B5EF4-FFF2-40B4-BE49-F238E27FC236}">
                <a16:creationId xmlns:a16="http://schemas.microsoft.com/office/drawing/2014/main" id="{FD1EFC04-B836-0931-E334-DB52ECCE3B68}"/>
              </a:ext>
            </a:extLst>
          </p:cNvPr>
          <p:cNvSpPr/>
          <p:nvPr/>
        </p:nvSpPr>
        <p:spPr>
          <a:xfrm>
            <a:off x="4426334" y="2489781"/>
            <a:ext cx="411480" cy="411480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2EC77B27-6CBD-8C04-7C08-D5882A3C7CD6}"/>
              </a:ext>
            </a:extLst>
          </p:cNvPr>
          <p:cNvSpPr txBox="1"/>
          <p:nvPr/>
        </p:nvSpPr>
        <p:spPr>
          <a:xfrm>
            <a:off x="424922" y="1265918"/>
            <a:ext cx="758893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</a:rPr>
              <a:t>Read the story again. Blacken </a:t>
            </a:r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  <a:sym typeface="Wingdings" panose="05000000000000000000" pitchFamily="2" charset="2"/>
              </a:rPr>
              <a:t> </a:t>
            </a:r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</a:rPr>
              <a:t>the circle.</a:t>
            </a:r>
            <a:endParaRPr lang="en-HK" sz="2800" b="1" dirty="0">
              <a:solidFill>
                <a:srgbClr val="0E4194"/>
              </a:solidFill>
              <a:latin typeface="Century Gothic" panose="020B0502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51783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78EF5EDD-249D-7724-6289-7C2853B8776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4FA03978-B6B6-06A5-544E-F642B8BE2E69}"/>
              </a:ext>
            </a:extLst>
          </p:cNvPr>
          <p:cNvSpPr txBox="1"/>
          <p:nvPr/>
        </p:nvSpPr>
        <p:spPr>
          <a:xfrm>
            <a:off x="1721045" y="4512234"/>
            <a:ext cx="8641963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n Picture 3, Leo's mum is angry because Leo is not following the rules at the zoo. </a:t>
            </a:r>
          </a:p>
        </p:txBody>
      </p:sp>
      <p:pic>
        <p:nvPicPr>
          <p:cNvPr id="6" name="Picture 5" descr="A page of a book&#10;&#10;AI-generated content may be incorrect.">
            <a:extLst>
              <a:ext uri="{FF2B5EF4-FFF2-40B4-BE49-F238E27FC236}">
                <a16:creationId xmlns:a16="http://schemas.microsoft.com/office/drawing/2014/main" id="{15F2CE15-A048-75D3-24F0-266D27FFB55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2476" t="74676" r="10411" b="4891"/>
          <a:stretch/>
        </p:blipFill>
        <p:spPr>
          <a:xfrm>
            <a:off x="1069404" y="852442"/>
            <a:ext cx="9706348" cy="3558846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13" name="Picture 12" descr="A page of a book&#10;&#10;AI-generated content may be incorrect.">
            <a:extLst>
              <a:ext uri="{FF2B5EF4-FFF2-40B4-BE49-F238E27FC236}">
                <a16:creationId xmlns:a16="http://schemas.microsoft.com/office/drawing/2014/main" id="{7644543D-D13D-97D1-E405-8B24CE5894A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8903" t="83404" r="14639" b="5387"/>
          <a:stretch/>
        </p:blipFill>
        <p:spPr>
          <a:xfrm>
            <a:off x="8166629" y="2376616"/>
            <a:ext cx="2071625" cy="1952368"/>
          </a:xfrm>
          <a:prstGeom prst="ellipse">
            <a:avLst/>
          </a:prstGeom>
          <a:ln>
            <a:noFill/>
          </a:ln>
          <a:effectLst/>
        </p:spPr>
      </p:pic>
      <p:sp>
        <p:nvSpPr>
          <p:cNvPr id="2" name="Rectangle: Rounded Corners 1">
            <a:hlinkClick r:id="rId5" action="ppaction://hlinksldjump"/>
            <a:extLst>
              <a:ext uri="{FF2B5EF4-FFF2-40B4-BE49-F238E27FC236}">
                <a16:creationId xmlns:a16="http://schemas.microsoft.com/office/drawing/2014/main" id="{C6FE73C3-4438-DEC8-8CD1-7F7F30099A4B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2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515180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26" presetClass="emph" presetSubtype="0" repeatCount="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" dur="500" tmFilter="0, 0; .2, .5; .8, .5; 1, 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9" dur="250" autoRev="1" fill="hold"/>
                                        <p:tgtEl>
                                          <p:spTgt spid="13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070CCAC-B6A1-87B6-A87C-770CC035D53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>
            <a:extLst>
              <a:ext uri="{FF2B5EF4-FFF2-40B4-BE49-F238E27FC236}">
                <a16:creationId xmlns:a16="http://schemas.microsoft.com/office/drawing/2014/main" id="{D06D9E3A-8275-00C0-0DF9-CC3CA1D72C2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325" t="40903" r="9741" b="39999"/>
          <a:stretch/>
        </p:blipFill>
        <p:spPr>
          <a:xfrm>
            <a:off x="259003" y="1741120"/>
            <a:ext cx="11932997" cy="3713382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E19D88A5-57CE-4148-E259-54CB8E16F728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48828" y="2492287"/>
            <a:ext cx="508016" cy="526160"/>
          </a:xfrm>
          <a:prstGeom prst="rect">
            <a:avLst/>
          </a:prstGeom>
        </p:spPr>
      </p:pic>
      <p:pic>
        <p:nvPicPr>
          <p:cNvPr id="5" name="Picture 4">
            <a:hlinkClick r:id="rId7" action="ppaction://hlinksldjump"/>
            <a:extLst>
              <a:ext uri="{FF2B5EF4-FFF2-40B4-BE49-F238E27FC236}">
                <a16:creationId xmlns:a16="http://schemas.microsoft.com/office/drawing/2014/main" id="{091605B8-B359-59CC-8DEE-DE013D902F8C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438087" y="3115362"/>
            <a:ext cx="530352" cy="512064"/>
          </a:xfrm>
          <a:prstGeom prst="rect">
            <a:avLst/>
          </a:prstGeom>
        </p:spPr>
      </p:pic>
      <p:sp>
        <p:nvSpPr>
          <p:cNvPr id="13" name="Oval 12">
            <a:extLst>
              <a:ext uri="{FF2B5EF4-FFF2-40B4-BE49-F238E27FC236}">
                <a16:creationId xmlns:a16="http://schemas.microsoft.com/office/drawing/2014/main" id="{90F164DD-D08F-CF3D-B2DF-9FDBA5B20985}"/>
              </a:ext>
            </a:extLst>
          </p:cNvPr>
          <p:cNvSpPr/>
          <p:nvPr/>
        </p:nvSpPr>
        <p:spPr>
          <a:xfrm>
            <a:off x="1447800" y="2507095"/>
            <a:ext cx="411480" cy="411480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A0944024-A4AD-8E6B-629F-F4F995BB6212}"/>
              </a:ext>
            </a:extLst>
          </p:cNvPr>
          <p:cNvSpPr txBox="1"/>
          <p:nvPr/>
        </p:nvSpPr>
        <p:spPr>
          <a:xfrm>
            <a:off x="424922" y="1265918"/>
            <a:ext cx="758893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</a:rPr>
              <a:t>Read the story again. Blacken </a:t>
            </a:r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  <a:sym typeface="Wingdings" panose="05000000000000000000" pitchFamily="2" charset="2"/>
              </a:rPr>
              <a:t> </a:t>
            </a:r>
            <a:r>
              <a:rPr lang="en-US" sz="2800" b="1" dirty="0">
                <a:solidFill>
                  <a:srgbClr val="0E4194"/>
                </a:solidFill>
                <a:latin typeface="Century Gothic" panose="020B0502020202020204" pitchFamily="34" charset="0"/>
              </a:rPr>
              <a:t>the circle.</a:t>
            </a:r>
            <a:endParaRPr lang="en-HK" sz="2800" b="1" dirty="0">
              <a:solidFill>
                <a:srgbClr val="0E4194"/>
              </a:solidFill>
              <a:latin typeface="Century Gothic" panose="020B0502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643808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2EBD18CB-2A58-7B8A-D42A-3703A76F830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>
            <a:extLst>
              <a:ext uri="{FF2B5EF4-FFF2-40B4-BE49-F238E27FC236}">
                <a16:creationId xmlns:a16="http://schemas.microsoft.com/office/drawing/2014/main" id="{A93B75C8-ECA4-446D-391D-FC9F48FA953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49" t="-1602" r="1580" b="-5831"/>
          <a:stretch>
            <a:fillRect/>
          </a:stretch>
        </p:blipFill>
        <p:spPr>
          <a:xfrm>
            <a:off x="7617196" y="879169"/>
            <a:ext cx="4389121" cy="3210560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8F00A85D-5C23-A169-7FD0-06CDF95B8BF4}"/>
              </a:ext>
            </a:extLst>
          </p:cNvPr>
          <p:cNvCxnSpPr>
            <a:cxnSpLocks/>
          </p:cNvCxnSpPr>
          <p:nvPr/>
        </p:nvCxnSpPr>
        <p:spPr>
          <a:xfrm>
            <a:off x="8907517" y="3790973"/>
            <a:ext cx="2328173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8" name="Ink 7">
                <a:extLst>
                  <a:ext uri="{FF2B5EF4-FFF2-40B4-BE49-F238E27FC236}">
                    <a16:creationId xmlns:a16="http://schemas.microsoft.com/office/drawing/2014/main" id="{2905BFBE-4926-0873-5DE2-528FECAAD6FE}"/>
                  </a:ext>
                </a:extLst>
              </p14:cNvPr>
              <p14:cNvContentPartPr/>
              <p14:nvPr/>
            </p14:nvContentPartPr>
            <p14:xfrm>
              <a:off x="8328317" y="3582929"/>
              <a:ext cx="456480" cy="360"/>
            </p14:xfrm>
          </p:contentPart>
        </mc:Choice>
        <mc:Fallback>
          <p:pic>
            <p:nvPicPr>
              <p:cNvPr id="8" name="Ink 7">
                <a:extLst>
                  <a:ext uri="{FF2B5EF4-FFF2-40B4-BE49-F238E27FC236}">
                    <a16:creationId xmlns:a16="http://schemas.microsoft.com/office/drawing/2014/main" id="{2905BFBE-4926-0873-5DE2-528FECAAD6FE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8274317" y="3474929"/>
                <a:ext cx="564120" cy="216000"/>
              </a:xfrm>
              <a:prstGeom prst="rect">
                <a:avLst/>
              </a:prstGeom>
            </p:spPr>
          </p:pic>
        </mc:Fallback>
      </mc:AlternateContent>
      <p:pic>
        <p:nvPicPr>
          <p:cNvPr id="14" name="Picture 13">
            <a:extLst>
              <a:ext uri="{FF2B5EF4-FFF2-40B4-BE49-F238E27FC236}">
                <a16:creationId xmlns:a16="http://schemas.microsoft.com/office/drawing/2014/main" id="{80B06B6F-F871-D4F0-4EDC-0341C2161452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325" t="40903" r="9741" b="39999"/>
          <a:stretch/>
        </p:blipFill>
        <p:spPr>
          <a:xfrm>
            <a:off x="250361" y="927045"/>
            <a:ext cx="7278993" cy="2265121"/>
          </a:xfrm>
          <a:prstGeom prst="rect">
            <a:avLst/>
          </a:prstGeom>
        </p:spPr>
      </p:pic>
      <p:sp>
        <p:nvSpPr>
          <p:cNvPr id="18" name="TextBox 17">
            <a:extLst>
              <a:ext uri="{FF2B5EF4-FFF2-40B4-BE49-F238E27FC236}">
                <a16:creationId xmlns:a16="http://schemas.microsoft.com/office/drawing/2014/main" id="{2F36BDEE-3E59-8F3A-9993-12736C8ECB0E}"/>
              </a:ext>
            </a:extLst>
          </p:cNvPr>
          <p:cNvSpPr txBox="1"/>
          <p:nvPr/>
        </p:nvSpPr>
        <p:spPr>
          <a:xfrm>
            <a:off x="1113531" y="4004495"/>
            <a:ext cx="9963656" cy="206210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hen visitors at the zoo are asked to be quiet, it’s because loud noises can make the pandas feel uncomfortable. In Option A, you can see a panda that is upset because of loud music. This shows why we need to be quiet.</a:t>
            </a:r>
          </a:p>
        </p:txBody>
      </p:sp>
      <p:sp>
        <p:nvSpPr>
          <p:cNvPr id="2" name="Rectangle: Rounded Corners 1">
            <a:hlinkClick r:id="rId8" action="ppaction://hlinksldjump"/>
            <a:extLst>
              <a:ext uri="{FF2B5EF4-FFF2-40B4-BE49-F238E27FC236}">
                <a16:creationId xmlns:a16="http://schemas.microsoft.com/office/drawing/2014/main" id="{265FCE98-699C-BFD5-65AC-F6B2E48B2A80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3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086917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1b_c4_p32_pr"/>
  <p:tag name="ISPRING_LMS_API_VERSION" val="SCORM 2004 (4th edition)"/>
  <p:tag name="ISPRING_ULTRA_SCORM_COURCE_TITLE" val="PLE3E 1B Chapter 4 Post-reading PPT"/>
  <p:tag name="ISPRING_ULTRA_SCORM_COURSE_ID" val="E84A6358-EA28-43A6-85C1-261A35ADD31E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PRESENTATION_TITLE" val="PLE3E 1B Chapter 4 Post-reading PPT"/>
  <p:tag name="ISPRING_FIRST_PUBLISH" val="1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1B&quot;]]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01BC469-9D91-4958-BBBC-2DD664CFD8D8}:27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1671CBF-2BEA-4831-B336-CE503A79A2F7}:26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C642DEB-5253-4F80-B792-37A0FB86673A}:275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4F1BA6-AA09-4506-8A34-8D72181A3326}:276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DBBC63E-EB34-4314-8C67-403743F69C8A}:277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706AC87-53D5-4408-A37E-828266D06917}:26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A7F0938-887E-41FB-B0CD-2FAA6509C6ED}:34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CA70100-7954-4BE4-9D28-C59B24A82D7E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234199-796B-4B4B-8271-25FD98524576}:26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46D81F3-30C3-47D5-9811-7A2EA65150B0}:26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F683F37-6240-4ACE-A516-B26222A75032}:26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0C77AA-7CEC-474E-80C8-CAB6BD7FA8C9}:269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D2237ED-BF9A-433C-96BC-64A385513697}:27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3C333E0-4D18-4682-B170-41E60D66C0E8}:27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95FD9E-CC58-4586-9998-5530509189CA}:272"/>
</p:tagLst>
</file>

<file path=ppt/theme/theme1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43DD53BB-0877-4A0B-9280-FE8DC6BD1E68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FB8B1A51-7BC4-42DB-AAD0-B4C6FD3EA58A}">
  <ds:schemaRefs>
    <ds:schemaRef ds:uri="ea194019-af41-4f5f-90aa-3f3df5d17659"/>
    <ds:schemaRef ds:uri="http://schemas.microsoft.com/office/2006/documentManagement/types"/>
    <ds:schemaRef ds:uri="http://schemas.microsoft.com/office/2006/metadata/properties"/>
    <ds:schemaRef ds:uri="http://schemas.openxmlformats.org/package/2006/metadata/core-properties"/>
    <ds:schemaRef ds:uri="http://purl.org/dc/terms/"/>
    <ds:schemaRef ds:uri="http://schemas.microsoft.com/office/infopath/2007/PartnerControls"/>
    <ds:schemaRef ds:uri="6a719dc3-2774-4bb3-bd51-e2fea1f33844"/>
    <ds:schemaRef ds:uri="http://www.w3.org/XML/1998/namespace"/>
    <ds:schemaRef ds:uri="http://purl.org/dc/dcmitype/"/>
    <ds:schemaRef ds:uri="http://purl.org/dc/elements/1.1/"/>
  </ds:schemaRefs>
</ds:datastoreItem>
</file>

<file path=customXml/itemProps3.xml><?xml version="1.0" encoding="utf-8"?>
<ds:datastoreItem xmlns:ds="http://schemas.openxmlformats.org/officeDocument/2006/customXml" ds:itemID="{17126D94-E016-40AD-9023-CE326D7DA0B6}">
  <ds:schemaRefs>
    <ds:schemaRef ds:uri="6a719dc3-2774-4bb3-bd51-e2fea1f33844"/>
    <ds:schemaRef ds:uri="ea194019-af41-4f5f-90aa-3f3df5d17659"/>
    <ds:schemaRef ds:uri="http://purl.org/dc/elements/1.1/"/>
    <ds:schemaRef ds:uri="http://purl.org/dc/terms/"/>
    <ds:schemaRef ds:uri="http://schemas.microsoft.com/internal/obd"/>
    <ds:schemaRef ds:uri="http://schemas.microsoft.com/office/2006/documentManagement/types"/>
    <ds:schemaRef ds:uri="http://schemas.microsoft.com/office/2006/metadata/contentType"/>
    <ds:schemaRef ds:uri="http://schemas.microsoft.com/office/2006/metadata/properties"/>
    <ds:schemaRef ds:uri="http://schemas.microsoft.com/office/2006/metadata/properties/metaAttributes"/>
    <ds:schemaRef ds:uri="http://schemas.microsoft.com/office/infopath/2007/PartnerControls"/>
    <ds:schemaRef ds:uri="http://schemas.openxmlformats.org/package/2006/metadata/core-properties"/>
    <ds:schemaRef ds:uri="http://www.w3.org/2001/XMLSchema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0</TotalTime>
  <Words>207</Words>
  <Application>Microsoft Office PowerPoint</Application>
  <PresentationFormat>Widescreen</PresentationFormat>
  <Paragraphs>46</Paragraphs>
  <Slides>15</Slides>
  <Notes>15</Notes>
  <HiddenSlides>6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5</vt:i4>
      </vt:variant>
    </vt:vector>
  </HeadingPairs>
  <TitlesOfParts>
    <vt:vector size="24" baseType="lpstr">
      <vt:lpstr>Aptos</vt:lpstr>
      <vt:lpstr>Aptos Display</vt:lpstr>
      <vt:lpstr>Arial</vt:lpstr>
      <vt:lpstr>Calibri</vt:lpstr>
      <vt:lpstr>Calibri Light</vt:lpstr>
      <vt:lpstr>Century Gothic</vt:lpstr>
      <vt:lpstr>Open Sans ExtraBold</vt:lpstr>
      <vt:lpstr>1_Office Theme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Post-reading PPT</dc:title>
  <dc:creator>Catherine Leung</dc:creator>
  <cp:lastModifiedBy>Catherine Leung</cp:lastModifiedBy>
  <cp:revision>4</cp:revision>
  <dcterms:created xsi:type="dcterms:W3CDTF">2025-02-12T03:48:57Z</dcterms:created>
  <dcterms:modified xsi:type="dcterms:W3CDTF">2025-10-22T03:51:4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